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Style w:val="a3"/>
        <w:tblW w:w="10632" w:type="dxa"/>
        <w:tblInd w:w="-1423" w:type="dxa"/>
        <w:tblLayout w:type="fixed"/>
        <w:tblLook w:val="04A0" w:firstRow="1" w:lastRow="0" w:firstColumn="1" w:lastColumn="0" w:noHBand="0" w:noVBand="1"/>
      </w:tblPr>
      <w:tblGrid>
        <w:gridCol w:w="1418"/>
        <w:gridCol w:w="1560"/>
        <w:gridCol w:w="850"/>
        <w:gridCol w:w="1418"/>
        <w:gridCol w:w="1134"/>
        <w:gridCol w:w="4252"/>
      </w:tblGrid>
      <w:tr w:rsidR="009F1CC8" w14:paraId="01C1DD1F" w14:textId="77777777" w:rsidTr="009F1CC8">
        <w:tc>
          <w:tcPr>
            <w:tcW w:w="1418" w:type="dxa"/>
          </w:tcPr>
          <w:p w14:paraId="54BFFB7E" w14:textId="2025D263" w:rsidR="00926184" w:rsidRDefault="00926184">
            <w:r>
              <w:rPr>
                <w:rFonts w:hint="eastAsia"/>
              </w:rPr>
              <w:t>时间</w:t>
            </w:r>
          </w:p>
        </w:tc>
        <w:tc>
          <w:tcPr>
            <w:tcW w:w="1560" w:type="dxa"/>
          </w:tcPr>
          <w:p w14:paraId="641FE5E4" w14:textId="5AC5F67A" w:rsidR="00926184" w:rsidRDefault="00926184">
            <w:r>
              <w:rPr>
                <w:rFonts w:hint="eastAsia"/>
              </w:rPr>
              <w:t>源IP</w:t>
            </w:r>
          </w:p>
        </w:tc>
        <w:tc>
          <w:tcPr>
            <w:tcW w:w="850" w:type="dxa"/>
          </w:tcPr>
          <w:p w14:paraId="36C342DB" w14:textId="0B09FB25" w:rsidR="00926184" w:rsidRDefault="00926184">
            <w:r>
              <w:rPr>
                <w:rFonts w:hint="eastAsia"/>
              </w:rPr>
              <w:t>源端口</w:t>
            </w:r>
          </w:p>
        </w:tc>
        <w:tc>
          <w:tcPr>
            <w:tcW w:w="1418" w:type="dxa"/>
          </w:tcPr>
          <w:p w14:paraId="7BE89C07" w14:textId="210DDA58" w:rsidR="00926184" w:rsidRDefault="00926184">
            <w:r>
              <w:rPr>
                <w:rFonts w:hint="eastAsia"/>
              </w:rPr>
              <w:t>目的IP</w:t>
            </w:r>
          </w:p>
        </w:tc>
        <w:tc>
          <w:tcPr>
            <w:tcW w:w="1134" w:type="dxa"/>
          </w:tcPr>
          <w:p w14:paraId="25B6BBE5" w14:textId="7B704F91" w:rsidR="00926184" w:rsidRDefault="00926184">
            <w:r>
              <w:rPr>
                <w:rFonts w:hint="eastAsia"/>
              </w:rPr>
              <w:t>目的端口</w:t>
            </w:r>
          </w:p>
        </w:tc>
        <w:tc>
          <w:tcPr>
            <w:tcW w:w="4252" w:type="dxa"/>
          </w:tcPr>
          <w:p w14:paraId="6E5303B3" w14:textId="7D5BF3FA" w:rsidR="00926184" w:rsidRDefault="00926184">
            <w:r>
              <w:rPr>
                <w:rFonts w:hint="eastAsia"/>
              </w:rPr>
              <w:t>载荷</w:t>
            </w:r>
          </w:p>
        </w:tc>
      </w:tr>
      <w:tr w:rsidR="009F1CC8" w14:paraId="72C4177A" w14:textId="77777777" w:rsidTr="009F1CC8">
        <w:tc>
          <w:tcPr>
            <w:tcW w:w="1418" w:type="dxa"/>
          </w:tcPr>
          <w:p w14:paraId="7F1929F4" w14:textId="3B9B0B81" w:rsidR="009F1CC8" w:rsidRDefault="009F1CC8" w:rsidP="009F1CC8">
            <w:pPr>
              <w:rPr>
                <w:rFonts w:hint="eastAsia"/>
              </w:rPr>
            </w:pPr>
            <w:r w:rsidRPr="00247E8E">
              <w:t>2022/07/14 09:57:56</w:t>
            </w:r>
          </w:p>
        </w:tc>
        <w:tc>
          <w:tcPr>
            <w:tcW w:w="1560" w:type="dxa"/>
            <w:vAlign w:val="center"/>
          </w:tcPr>
          <w:p w14:paraId="036B6284" w14:textId="114363F6"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49AF1295" w14:textId="615E7D5A" w:rsidR="009F1CC8" w:rsidRDefault="009F1CC8" w:rsidP="009F1CC8">
            <w:pPr>
              <w:rPr>
                <w:rFonts w:hint="eastAsia"/>
              </w:rPr>
            </w:pPr>
            <w:r>
              <w:rPr>
                <w:rFonts w:ascii="等线" w:eastAsia="等线" w:hAnsi="等线" w:hint="eastAsia"/>
                <w:color w:val="000000"/>
                <w:sz w:val="22"/>
              </w:rPr>
              <w:t>1890</w:t>
            </w:r>
          </w:p>
        </w:tc>
        <w:tc>
          <w:tcPr>
            <w:tcW w:w="1418" w:type="dxa"/>
            <w:vAlign w:val="center"/>
          </w:tcPr>
          <w:p w14:paraId="5C68B38C" w14:textId="00FBCD40"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37BCDE66" w14:textId="56FDC4C6" w:rsidR="009F1CC8" w:rsidRDefault="009F1CC8" w:rsidP="009F1CC8">
            <w:pPr>
              <w:rPr>
                <w:rFonts w:hint="eastAsia"/>
              </w:rPr>
            </w:pPr>
            <w:r>
              <w:rPr>
                <w:rFonts w:ascii="等线" w:eastAsia="等线" w:hAnsi="等线" w:hint="eastAsia"/>
                <w:color w:val="000000"/>
                <w:sz w:val="22"/>
              </w:rPr>
              <w:t>80</w:t>
            </w:r>
          </w:p>
        </w:tc>
        <w:tc>
          <w:tcPr>
            <w:tcW w:w="4252" w:type="dxa"/>
          </w:tcPr>
          <w:p w14:paraId="63ACAF0B" w14:textId="33D27759" w:rsidR="009F1CC8" w:rsidRDefault="009F1CC8" w:rsidP="009F1CC8">
            <w:pPr>
              <w:rPr>
                <w:rFonts w:hint="eastAsia"/>
              </w:rPr>
            </w:pPr>
            <w:r w:rsidRPr="00910B4C">
              <w:t>L\F6\03\E8\B8\FE\9EK\C9\B7 e\AEdT_\D0V\8F\89\EE\EE\B8\9EPVd\8D\BA\C2\AF%\AC\03\13\FB\1B\11\12\C4kj\E7\BBA\0F\C4I\9C\B0&amp;\FB\A2&lt;\C6E\99\C5\F3\A3m(\9E'\E67\E4.Z\B5\99r\C4,\ED\ED\02\ACk\D8?\A6/\09\DF-A\99\A8\FE\9Axc\F2\EDP\CC\1C\C3\DB\92\15\7FX\E9$kY#\BFc*o}\89\FF\04\0FY\B4\BF`^b\14\18\93\B1\06&lt;\D7#\BB\89\F7\B4\D2wU\17\05\13\18\A1s\84u\C3\F2/kj\A6\11l\8B\1D\C8\FA*\EF\E3\B4\8E\C3G\B2\F1\C3\F6\1C\C1j}\EC\BD\DD\16Z\D6\C5\0Ei&amp;\18\C4;Q\B1\F8\96\82\BDC]\1D\1D\C9\FB\EDm\A1\0E\E0jvl\CDM\A1\D0\A0\FE\9C|\F1\B2\A2@\D3\F8h \DB\F5\0C\E3\D4\EDb\CE5\ED\DA(\BB\FB&lt;\D9\FE\066F\DB\CE\B0\D2\FE\9A15P]Z\A9\1D\E4\E0VXY\86\9F\DB\CFi`wj[\81US\B8M\C9\DDt\F2[\1D\C3\9B\94\0Fo\C9\9A\F1_\81\E8\C9c\A9!o\03\98o2\C5!`\C6^\07&gt;ZW\D1\94&gt;\FB\E4\D0|\9B\8A1-kC\02\99}\EA\FF\02\BF\95\CA\EA\14\CF#M\B1\B8{=M\FD\89\E7B\A1\C5\94&amp;\9Br\B6_\9F\84\13\7F+Wc\BC\CD\1D\8BjUT9Y\9A\96\F5~\EF.\F4\E3\DE\DE\C9\C86\8D\A9\1B\15\DE\CCn\0F\04\BE\9E\EA\EE\B0\B7\EC\BA\C4\C90\02\EC\96\B1}\CA\D7\13\1E\C0\D1L\B8\04\BE\C2J%\A8&amp;\FF\0E\95\EF\1B\D6\11HlgU\E6\FA\1B\DD\8BG$kI\884\8D\84\EFnK\FC\0B\EF\FE\FB\DD\ADA+)\8D]\02\F0\AD]\89O""2\865\F2xwW\DE\04\B3\D5\F7R\1Ak'd\EC\EA\093\B8\B6B\B8)x\C3\B7\12\B1+\1Ev\F5\C1\0E;\12O\875\BAR{b\C5\DF\9C\CA\10m\14\BE\A5~\D7h9Y\8F$\B3\C3[=\9Fb\B4s\\""s$\0B\AAi\FF\97\B0\E2\CE\D9\ED=\DD\DBsX|\D3z\A7\A3\83\D5\19O&lt;;\95*\99\1B0\BE\DD'\A1\AD\D3*-Mw|\08%\C6\D7:\CD\93\D3\A2\C8\8Ey\FFX\C5\B1\98xg\F5\0E\94a\D2\BF0\81z\B1\07\BEx[\9CM\F1\1D\C8f'\84[\A6_\E8\D8\95]\8B\99E\A7\03,fuR\CE}\0C\CE\AF;\A8h\7F\C4\E3d\9C3\1F\9D\837:\E8}\0C\C9\CF3\C4\1D\F8m\05\BE\B7\85\AA\13\FC\F1\1B\8Dr\BB\DA</w:t>
            </w:r>
            <w:r w:rsidRPr="00910B4C">
              <w:lastRenderedPageBreak/>
              <w:t>\170\9F\\\FD(\B6X\BF\D3/\EB\B3\CD\A8m\CB\99\CD\FBuE\AE-\AE\EB\E7\A2\FB\09\8D\E4\AE\ACHkK\EDq\073\96#\D7\F8J@\C56|K\98\DF\E8\0Ae\FD\8C\90\8C\E0a\87\B6\95\E3}\81\BD+W\B63\80\94\E8\A9q4\F3V\ADa\C6\E8ek\B7D\1E\0C\8B\BB\B4\9F&gt;a5\09g\A2_6[\83_\1B\0FDVk\C5`\98\C0]\B9zc\C1\A6\E8^\E8\E0j\02\85\E4a\9E` \E3\\\F4\BC\A5\A6\8CR\1DY\04_ \C5z\18\AC1n5\0F\DF\FF\15yh\0B\15Q{M\F0:\F0\EEZ?\C1\12\DE;\8B\1C\D9X\13\DE.5\AF\C8\E6\A1\A3\E2\AE\A6\E9\9B\FC\98k\92\\\D8{5\99n\C0\9B\ED\F8\CE@U\CA\B4\13\DE\F1\16tC\95\B3\14*\AD[&lt;\DE^=1\AC\08\AC\0BE\A2\A3\A5\97'\E3\C6P\B0\1C'u\E3\AD\CD\86v\C7\9D]\9D\DFP\A0\A9\9D\E6\DB\8F\AE\BF\91\BCF\08\0ES^\FA\CF\10f\D5\E4\D7vW\8E\0E\1B\EB\09D\B2&gt;h\D0\D5\85\F8^\A2\AC*\DF*\FD\B1\9F\9F\E1\01^7\D6G\06\8D\08\E0\FB\1F\B07\00[C\CD\C4\17\14\9F\C2v\D54\FB\A1.O\82K\B0+\1EVUb\C7\CE\BA\FC\B5\95\9DbiI\FC8\92\AD6\C3Z\B9H\B6\B6\00\BD\C1,\BA\CD.\CA\CC\1C\F6?\94&gt;Ud{\F3H,B(\80\B7\E8\8E'v%\F6*\CC\BB\A0\\`i\A8\E9&lt;]\E27e/R\CD\D1\B2\DC\B3c\CE\15{M\A2I\91\F7\AA\C8\B1\B9\C8\FB\9AD\8D\9F\C8\0A\C0%a\FF\02['\F9/\9F~35\00g\87\BFAm\D5m\9E\CBiq\E2\99\EAM\A0\F1\F7\CE\AAF\C77U1sz\9E\F5\0D\F6\CB\BC\C0\91\B9|\BE\E1xm\C3\965\F8\E5dZ\B9\F3\9Aw\9D\95\99\EF\AC\15\B6\84o\85v\BA\96D4\9Bp\07\BE\\d_$\12\FD1\10v\C3\92\D9\E4\15a\BD!d\C4V\90\C8n\14\B9G#CZsdE\DE\E8]\AAL.\09v\9E\EC\86;p\DF\F2\BE\04\17R:\EF\D2\05^\A9\9Ey\E5nz \F5\FD\0A\B5\FA\B6\C9n2\FC\CA\D5\9Adg\D3\BC\7F\AED\FE\A4\D7\A2U\97\EC\E5\ACK$[,\FA;&amp;\D1\ED\A5\B6\BC\D2\EF\8B\1E1~VZv\ADqC)7r\ECh\A91S\FB\95X\E2\A5\C4\F9\A3^/\B9\16\B9\B3\9B\EE\A0\CBL\97#\8D[\AE\B4\14 \1CK\ACqY\AEZ\8E\DD.Y\AA\A4\D6\A5\E2x\C9\10-K\14t\E4&gt;t\1A\B5\94R\17\B4\95K\1C?C\C4t</w:t>
            </w:r>
            <w:r w:rsidRPr="00910B4C">
              <w:lastRenderedPageBreak/>
              <w:t>\D4\18e[ ]\F2\D7\\G\8EdK,\141\D1^\FB\B4\E4\9A\11\B3\93w\83%j){\99\1Ek:W~;m\03kv\B1V@\A0\C0\97\B1DC\B4\1A\AF\ADK\F9\BA\AC</w:t>
            </w:r>
          </w:p>
        </w:tc>
      </w:tr>
      <w:tr w:rsidR="009F1CC8" w14:paraId="411B1D4F" w14:textId="77777777" w:rsidTr="009F1CC8">
        <w:tc>
          <w:tcPr>
            <w:tcW w:w="1418" w:type="dxa"/>
          </w:tcPr>
          <w:p w14:paraId="24A1A432" w14:textId="35284855" w:rsidR="009F1CC8" w:rsidRDefault="009F1CC8" w:rsidP="009F1CC8">
            <w:pPr>
              <w:rPr>
                <w:rFonts w:hint="eastAsia"/>
              </w:rPr>
            </w:pPr>
            <w:r w:rsidRPr="00247E8E">
              <w:lastRenderedPageBreak/>
              <w:t>2022/07/14 09:57:57</w:t>
            </w:r>
          </w:p>
        </w:tc>
        <w:tc>
          <w:tcPr>
            <w:tcW w:w="1560" w:type="dxa"/>
            <w:vAlign w:val="center"/>
          </w:tcPr>
          <w:p w14:paraId="6824D479" w14:textId="6072C66E"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67F81CA4" w14:textId="2E3361D9" w:rsidR="009F1CC8" w:rsidRDefault="009F1CC8" w:rsidP="009F1CC8">
            <w:pPr>
              <w:rPr>
                <w:rFonts w:hint="eastAsia"/>
              </w:rPr>
            </w:pPr>
            <w:r>
              <w:rPr>
                <w:rFonts w:ascii="等线" w:eastAsia="等线" w:hAnsi="等线" w:hint="eastAsia"/>
                <w:color w:val="000000"/>
                <w:sz w:val="22"/>
              </w:rPr>
              <w:t>1890</w:t>
            </w:r>
          </w:p>
        </w:tc>
        <w:tc>
          <w:tcPr>
            <w:tcW w:w="1418" w:type="dxa"/>
            <w:vAlign w:val="center"/>
          </w:tcPr>
          <w:p w14:paraId="346FB4FE" w14:textId="043D8D4A"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3C7F3FF4" w14:textId="4861FFFD" w:rsidR="009F1CC8" w:rsidRDefault="009F1CC8" w:rsidP="009F1CC8">
            <w:pPr>
              <w:rPr>
                <w:rFonts w:hint="eastAsia"/>
              </w:rPr>
            </w:pPr>
            <w:r>
              <w:rPr>
                <w:rFonts w:ascii="等线" w:eastAsia="等线" w:hAnsi="等线" w:hint="eastAsia"/>
                <w:color w:val="000000"/>
                <w:sz w:val="22"/>
              </w:rPr>
              <w:t>80</w:t>
            </w:r>
          </w:p>
        </w:tc>
        <w:tc>
          <w:tcPr>
            <w:tcW w:w="4252" w:type="dxa"/>
          </w:tcPr>
          <w:p w14:paraId="78C538A5" w14:textId="2C395A2A" w:rsidR="009F1CC8" w:rsidRDefault="009F1CC8" w:rsidP="009F1CC8">
            <w:pPr>
              <w:rPr>
                <w:rFonts w:hint="eastAsia"/>
              </w:rPr>
            </w:pPr>
            <w:r w:rsidRPr="00910B4C">
              <w:t>'\A1\E7.\89$W\E9*x\EF7)\\\F4~""W\01\0B\F7$\0F\98\C8\FCr\15\FA\DD\C0""\94\83\E0t\D1\16\9C.rpZ\07\BE\C8Ah\16\9C\D6\A2h\90\81P\04H98]\06\C1\E9""\07\A79\E0q\97D\92\ABt\15hp\BA1\B3\8C\0FG\AD\B78ZU\8F\BA|\18z\8BCt\C0\CC&gt;E\AD\17$\1A\85\B5\9D\81\D3\9B\D6u\8F\B9\DE\B9}\9D\81M\F0X|I\91\88U\BC\A4H\0E\10\F6\92""\E8\88\C5gQO*W\A2\E82\EF \BF\A4\08\AB/)F+S\06D\CE)\03Z\17\E9\BE\D8j$\0C \DE\0E\BFX\1D\A6\E8\B3\B1Wf\16\BF\D4U*\D9\DDN\94N\D5\F7\C3\EB\B13\EA\9F\CA$\81\0E\D8\93\C9\00N\12\80\8E\D8{\14\15\A5r%\8A&amp;\11\F8d@\14I\02\06}\8C\0C \A0E\E5\14\E3h;#\B9F\F0#$A\8B(\06\AC\B2\0A\D6y\E3B\99\18\D2V\D5.u\E5\B4\9A#\93VSf\ECj\EA\F5N\E5\85\DB\89\84H\1E\8D\E0npR\82Wp\\2|\BF\F1\17\AD\94=\9A\D6\00\AE2\93\D8\0F\14\F5\FA\14eV)\99\FAu\9B\18\06F1\0B\82\0F\82\E3\F4\04\80\81U\0C\CA\CDb$\0F\AE\D5\8C\B5\9B\C5\BE.\B4k5\E3;f\B1\02U\CB\AD\9Aq\87\D3\EE\E0\B7o\E6\14t=\19\15\C2\ADPp\7F\B0\1C\8A.^\04n\F5n\85\B1\0D/^\84\04\C7e^D\C7\19\E8\07\D1\16\AF-\DA""\F3\1F\9C\17Q\A2\E82\F50\E0E`\9D\17ag \E3?\12\DD$\9E\B67\CB=\F7\C2D\B9\CA3p\E1E:D\C1\C7B\DF\9C\F3V)\E5\D0*l\BD\AER\C0\E4\E1\A8\DE\9D3\EC\9E\C2\C9\95-\9659\A9\D2\DF\C3\8D,\E9\8C\0E\88F\D7\0BR\F6F\96tC\1Dvf\FB\06q\1F\B7o\B6\B8w\A5\CF\1Du#|P\C6\9C-\CF\1D\89\EE\F7\9B+\87:\C2\F5\07\9C\D2\97\84:\B8xW\A6*""\1Bf\02\0A\C6]\86\F8""\FC\C8\09+\13~\A0\8C\F0\0321D\1C4\18L2\B1\C7\09?%\8A.\F3.\97\94\8Ca\9D\F0\83\01\E1\07\03\C2\8F\16\D3\BC/\06\E5\84\9FG(\09sil\BB\CBY+\E1\D7\A8\0A\A7\BD}\11~ID</w:t>
            </w:r>
            <w:r w:rsidRPr="00910B4C">
              <w:lastRenderedPageBreak/>
              <w:t>=\C6\C6h#\FC8\9E\14]x""\13{\9C\F0S\A2h\12\81O\06D\99\F0\83\01\E1\07\03\C2\8Fb\1Cmg$\07\E5\84_\83(&amp;X\B4Tw\A0\CA\B4v6n\\H\A8e\A7\B0\B2\84?R\82\A9;X\FC\01\94\DE\AF\EA\0E\16\03\EFJ\EFWu\A3:=\D8&lt;\FD\AB\F3~U7\B6!\FA\17\17+\F9$\9C\8B\05m\\,?\0B\95y+~\A0\A8\D7\A7(s\18D.6\DC\E1ba\C0\C5\C2\80\8B\A5\873\0C\1C\16P\EE\B1x\1B6&gt;\DB)\F5\A5=\03\BD\DFm\DFL&gt;\AAed[\85\91\E6T\CA\C8vc{\D4\C5\C5\FATU\0D\D3\D3\16\AD\AA\BB\93\DD\B64\A7*F\B6Q\D8\9DN\BA\88\F9TW\EC\E5\16Awh\BB\DD\FEE\1E\13\06q@\1E\836\F2\98\9F\85\CA""w2I\CC\C9c%\8A.S\1F\06\E4q\B8C\1E\C3\80&lt;\86\01yL\0Fg\CF=zQ\0E\CA\C9\E3\06Q\D4\DD\A6Z.\D5i\F7\06)\C3\FD\11S\E8\D3\B3AAf\83\8226\88N\0C\11\AB(\0E'\B3&gt;\9C\0DR\A2\E82\EFIf\83\D2:\1B\14\06lP\18\B0A\B4V\DD}qP\CE\06\C5\09P\8C\BB\12\CBn\1F\D4\B2A\8D\AA&gt;z\FF\B2Q\83\88z,T\AF\8D\0D\E2xRt\E1\89l\8Br\1BU[\F9N\06|2 \</w:t>
            </w:r>
            <w:proofErr w:type="spellStart"/>
            <w:r w:rsidRPr="00910B4C">
              <w:t>CAlP</w:t>
            </w:r>
            <w:proofErr w:type="spellEnd"/>
            <w:r w:rsidRPr="00910B4C">
              <w:t>\18\D8\A8a`\A3R\8C\A3\ED\8C\E4A9\1B\D4 \8A~6\A8UX1\1B\D4\A8\AA\99\0DjT\D5\CC\06\B5\A3\AA\9E\0Dj\C7\F6\C5\06q\84\96]\95\A4\CCUI\B2\AB\A2\ADT_\1C\94\EA\8B\DAJ\F5\C5""\BB*e\DDUI\03W%\0D\\\15Z-\E0\BE8itU\\\AE\AE\0A`)\92\98\E1V\B1\EFFU\E0k\98\07\8Fgvug\F0jB\F4\BA\1E\B8\9E\12\FAQ\E3N\F9WI\15F\81\0E\0A\F7Em\85\FB\E2\A0p_\D4V\B8/\0E\0A\F7Em\85\FB\E2\A0p_\BCS\B8\8F\81!MYK\83T\B6A\81\BE\A1&lt;)w^ZD\B9W\D7\CE\AFVI\F1\AB\AFG\F8\B5\02z\FC\E6\12TTF\1E \827\00\AF\C4\1F\11\E2@\9B\AD\07\03c\0F\B4Y{~\A0\A8\D7\A7h\16!\0E\EE\98{0\B0\F7h\82O\1A$\FEP(\83\81\C1\07\CA-&gt;\0Fa\CE\F8h \CE\1E\1C\DE(;8]\D94\C1\CE\19\1F\AD\C29\C2+D\1DD\08\F4\A2\17\AC$\8DbP8/j+\9C\17\07\85\F3\A2\B6\C2yqP8/\DE)\9C\C7 \90\85\A2\07!\EAA\81\BC\A1&lt;)O\A3\E8\AD\BC\F0wV\CA\D3\96\D1\90\8AqY\EA\A0Q\AAs\9D\94lJ\B6\92\CE0|^M\D5\FB\03\A9v!\</w:t>
            </w:r>
            <w:r w:rsidRPr="00910B4C">
              <w:lastRenderedPageBreak/>
              <w:t>E0-\E2\E7\19v|\A09'\E3\FC\07\F6\82\D2\D5\8E\0F7\17S\8A}\A2a\C7\A7\1E\0A\88\A1\AB{\E5\D5\ED\F7\B8\92\F6{\D0\CC\AE\BA\B0y\F5\89\C3\F0\F1\EA\F2\AB.\ECRIk\C9\CC\C3\A3I\92\9F\A9&lt;/U\04\CF_\EE\8AY+\8F\B5\DFH\08\05\E4\A85h`+H\88\0B\96\89Y\C4l\A0\7F</w:t>
            </w:r>
          </w:p>
        </w:tc>
      </w:tr>
      <w:tr w:rsidR="009F1CC8" w14:paraId="1C6D4AEA" w14:textId="77777777" w:rsidTr="009F1CC8">
        <w:tc>
          <w:tcPr>
            <w:tcW w:w="1418" w:type="dxa"/>
          </w:tcPr>
          <w:p w14:paraId="3B61BAFC" w14:textId="6ED1696C" w:rsidR="009F1CC8" w:rsidRDefault="009F1CC8" w:rsidP="009F1CC8">
            <w:pPr>
              <w:rPr>
                <w:rFonts w:hint="eastAsia"/>
              </w:rPr>
            </w:pPr>
            <w:r w:rsidRPr="00247E8E">
              <w:lastRenderedPageBreak/>
              <w:t>2022/07/14 09:57:57</w:t>
            </w:r>
          </w:p>
        </w:tc>
        <w:tc>
          <w:tcPr>
            <w:tcW w:w="1560" w:type="dxa"/>
            <w:vAlign w:val="center"/>
          </w:tcPr>
          <w:p w14:paraId="2F4F2592" w14:textId="72A657E9"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0A612B95" w14:textId="72877F07" w:rsidR="009F1CC8" w:rsidRDefault="009F1CC8" w:rsidP="009F1CC8">
            <w:pPr>
              <w:rPr>
                <w:rFonts w:hint="eastAsia"/>
              </w:rPr>
            </w:pPr>
            <w:r>
              <w:rPr>
                <w:rFonts w:ascii="等线" w:eastAsia="等线" w:hAnsi="等线" w:hint="eastAsia"/>
                <w:color w:val="000000"/>
                <w:sz w:val="22"/>
              </w:rPr>
              <w:t>1890</w:t>
            </w:r>
          </w:p>
        </w:tc>
        <w:tc>
          <w:tcPr>
            <w:tcW w:w="1418" w:type="dxa"/>
            <w:vAlign w:val="center"/>
          </w:tcPr>
          <w:p w14:paraId="4CD1A8ED" w14:textId="53211346"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224A75F9" w14:textId="36ED3547" w:rsidR="009F1CC8" w:rsidRDefault="009F1CC8" w:rsidP="009F1CC8">
            <w:pPr>
              <w:rPr>
                <w:rFonts w:hint="eastAsia"/>
              </w:rPr>
            </w:pPr>
            <w:r>
              <w:rPr>
                <w:rFonts w:ascii="等线" w:eastAsia="等线" w:hAnsi="等线" w:hint="eastAsia"/>
                <w:color w:val="000000"/>
                <w:sz w:val="22"/>
              </w:rPr>
              <w:t>80</w:t>
            </w:r>
          </w:p>
        </w:tc>
        <w:tc>
          <w:tcPr>
            <w:tcW w:w="4252" w:type="dxa"/>
          </w:tcPr>
          <w:p w14:paraId="1D9C9E30" w14:textId="2F44C604" w:rsidR="009F1CC8" w:rsidRDefault="009F1CC8" w:rsidP="009F1CC8">
            <w:pPr>
              <w:rPr>
                <w:rFonts w:hint="eastAsia"/>
              </w:rPr>
            </w:pPr>
            <w:r w:rsidRPr="00910B4C">
              <w:t>,\F6\C1Xxf`T\DB\B0_\F6\EF/#\B3*3\82\0CfI\A7{ZQ-y\E0\83\AE(\89\FA\C8$\BF\8C\1B#\CC.\05S\FF\EF\AB\D9\19\C3\FF\F1[\FF]\F6v\17\E6\7F\FE\DFo_\FE\B3\FE\AF\FF\B5o_R\81Nz\A1Rk\9D[\BF0w\C4d\8C\BF\7F\F9_\7F\FA\FA\EF_\FE\F2^\7F\F8?\BF\D8\EE\CBu\94\F1Wu\B1l\F7c\CB?\FE\EBo\83\D9\B8]\09\C1\D8\C4g\B3H_5\9B\BF\7F\F9\EB\9F\EA\82\E1\92\A5E\BC\FE\AB\FE\19g{\F1\85\8A\8Be\F2;\E2\E4\C4\E7\95\D2\F2\03\9E\FCq\1Bz\F1\85\8A\AD\01""Ow\C4t\90\EF\7Fff\FCm}f\87\DF\BF\98\AF\BF\FF\D7\97?\9F\EDW\B7\FC\DD\DF\FF\FA\C5~\A5\A7\A8~\99\E3\CE\A7XJ]\B3\B0\8B\B6X\E3\BE\FE\FE\ED\CB\FF~2&gt;\C2\F3\FF\F9\FA\FB?\7Fy\F9}Z\A5\F7\86\0A\D6\8C\A0\9E@\19T\F0\03\A8\D6\DB\C3\F3\939\A4\A3.\C0\D9\0D\00\FB\83\D3\05\D5\9B\D1\8E\85\97\EC~.T\F75\EDJ\C9&amp;\C8H}]\D4lK\09\1D\D2\90\AD*\A4\A1\1E\ADl\8C\B5=\0B\C0^\17\D2\\\9F~1\C6\0B\1B5\AAB\1A\C7\FB\F4g\9F\FE;H\13\B2U\D5\9Db\8B\D4\1DbP\85t\A2)W\8A\EBx\D5fSy\F5d^T\E1-u\B7\C6\\J\B7[M\C9te\B9\16b\CD\A2b|\E3\FA\C6\F2\CFF\0F)D\9E\EE\8A\C9(\FFhE\C4z&lt;\05`LU\09+qC\A8G\D7\D6Y\C5In\8D\C9T~\E1\F2\\\E5\C9\D4%\BB\F0q\88\9C\AA\90\EB\0C\AD\95\D7o\95\F3\F5\A3J)\19f \A6\A3\FC&lt;En{\A7\A5i\A3e\03\15^\D99gq9U\9EaT8cL%uHu\9E\E1zd+\E0\CA9=\E0\E6\10\BF?T\D4\90\A3)\A5\F4P\F7.\E9\82Z7,\1Ez\D3o\D8\17P\A5\1CYWw,\F2\8D\EDW\D5\9DT\E9\1C\16\ED\8Ej\80Wj\EC\A0\1A\0B\CF\BF\99\1D\C4Pb\12&gt;f\FE\D1\AF\1F5M\10\15\D5\C1a4\D6(\C5\\\1FJ\F4\A5D\09\F3\9E/\FB\81\7FL\0F\F1P\92Y\DE\CD\0F\F3PV\9D</w:t>
            </w:r>
            <w:r w:rsidRPr="00910B4C">
              <w:lastRenderedPageBreak/>
              <w:t xml:space="preserve">W\C0\1C\F9\B2\87\D7~\D44\C1bn\C6\E7\E3&lt;\94R\1FJ\06T\97\05\CC~x\16\B6\C9\AD\D1\B2\FF\A0\A3\B1j\CD\86~qO.\B8\1A\FF1\EB\FB?\FE[]\DC\7F\AE\FF\FFo_\EC""\FC\EF\F3\9F\FA\FA\FF\BE\C4j\82\DC\FE\84K7\0F\F9\B7/%\08\E2\CB\97\FF\F9\0F\DB\07wp\D6G\1FV&lt;f\81\B9\88\D1\EFc~\10\CC\0D\87\F7\DD\E5L""N""\D7\02ty\EE\BE\1A|\EBs\F7\82x\C6\89H\E9\B6\C8|z\BD\FCB\E5\9E\9A\95\EB0\031\1B\E5}\CF\07\9B\D9\BANQ\10\BF\E7\F9\08\EB\BE#\0Ff\15\B3\85~7\98\B1\AE\9B\84\93\C8\B5\00%;\D7K\BCH\C4\E4|\90mQ\F8\F4z\F9\85\CAq\B8E~W\CCFy\DF\F3\C10\AD\EB\94\04\F1{\9E\0F\B2\EF\C8\83Y\C5.\C1\0F\DBv\DFC\CBA\C4I\E4Z\80.\CF\DDU]F\E0E""&amp;\E7c\DD\16`\F8\F4z\F9\85\CA\1D\D5\98\D6a\06b6\CA{\9E\0F\BB\06\AB\10\D3\BANY\10\BF\E7\F9X\F5\16\FA`\88\B8\D8\1F\B6\ED\BEg9A\C4I\E5J\80\AE\CF\BD\18\91\17\8B\11\CE\C7\BA-B\E4\D3\EB\E5\17&amp;/d\C7\93a\06b:\8A\16'u\85\97\BCs\E8\A4\8E\B0\B3vr\19\CC\E6]0\F9\F9\C9\D9\F8\F2\FCd\FC\CB\BE\09\8D|&lt;V)Ed\15\EB\82.Z\C1c \9F\D7U\1ET\9C\D7\92e\A0D\AE\04\E8\FA\E8\03{\F4^\90\AF\CC\C2\B6F\E4\13\EC\E5\17&amp;\A7.\0C:\CEH\0E\0A\C9\C5\FA\B2\8B\BERJ\A8\FFt\BB&lt;\E5\07^\03K9\EA\0A~\C4\B0\8BP\A6 g\03\D5\EC\E1\F4\D1\C9\0F8\A6\E5\048c\94\91_)\03N)\BA8\05\88uD\81R\B9\12\A0I&amp;?\91\14W\F2c[\C3\F2\09\F6\F2\0B\93S\92\A3\E3\8C\E4t\1C-\E4\87\F8\\\AC\ABTU+\C8;\B0\01\9D\E8W\F2\F3\E6\F9\C9'w\AA\0A\D6\8B-\9A\88\D0\D5w\9A\0Ba\0A\E75\B0M\B0\AA\12\CF\1C\B8\0A\15\EA\0FtP\EB;\C7&gt;\D7u&gt;\D4u\B6'(u\B5\8FS&amp;C*\C7g\8C\BC\E7\8F\CE\E8\9E\981\94\D1A\9B\95\0C\033\19\B4\D9\C9\D5\8C\12\81R\B9\12\A0\CC\82%\8F~\DBP\86\81\A5\EC\D7\A4,f\E3R95\89a`*\83r[\19\D7'\07\8B\E9\A3\AD\B1l\0F1~\1A\CBd\8B\89,\82[\C5\EBb\17?pnQ\B9\0A5\CC\0Fh\90\CA\95\00eF,y\F4 </w:t>
            </w:r>
            <w:r w:rsidRPr="00910B4C">
              <w:lastRenderedPageBreak/>
              <w:t>\C8Wva[#\F2\09\F6\F2\0B\93S\BD\D0s\A3\\\94k4\96\BD\CF\BB\14\9C\B1^\BD\B1\EC\A3\DF%\9FJ\8E\9F\C6\B2p\02\9A\99\AD'@\F4 \BE\F3Q\959E\99\03.\16\D9\A5I\E5J\80\06\99\FCDR$\E4G\B7\86\E5\13\EC\E5\17&amp;g$\C7\8DrQ.\18\CB\1F\DE\A1\1F\AC\EC\D0_\E5J\1C\FA\81l\0E*O\DA\1C\FA\0C(\91'm\0E\FD4p\E8\A7;\0E\FD0p\E8\87\81C?\91mO\C7\19\C9\83r\87~c\01y\08Q\ABC\BF\8Dl\F2\8B\17\1F\DE\A1O\C9\8Fy[\AD2\87&gt;</w:t>
            </w:r>
          </w:p>
        </w:tc>
      </w:tr>
      <w:tr w:rsidR="009F1CC8" w14:paraId="657212E7" w14:textId="77777777" w:rsidTr="009F1CC8">
        <w:tc>
          <w:tcPr>
            <w:tcW w:w="1418" w:type="dxa"/>
          </w:tcPr>
          <w:p w14:paraId="464BF27E" w14:textId="3BB0D4E2" w:rsidR="009F1CC8" w:rsidRDefault="009F1CC8" w:rsidP="009F1CC8">
            <w:pPr>
              <w:rPr>
                <w:rFonts w:hint="eastAsia"/>
              </w:rPr>
            </w:pPr>
            <w:r w:rsidRPr="00247E8E">
              <w:lastRenderedPageBreak/>
              <w:t>2022/07/14 09:57:57</w:t>
            </w:r>
          </w:p>
        </w:tc>
        <w:tc>
          <w:tcPr>
            <w:tcW w:w="1560" w:type="dxa"/>
            <w:vAlign w:val="center"/>
          </w:tcPr>
          <w:p w14:paraId="6AA2A1CA" w14:textId="4521BE42"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7C25B04D" w14:textId="3A8CBF2C" w:rsidR="009F1CC8" w:rsidRDefault="009F1CC8" w:rsidP="009F1CC8">
            <w:pPr>
              <w:rPr>
                <w:rFonts w:hint="eastAsia"/>
              </w:rPr>
            </w:pPr>
            <w:r>
              <w:rPr>
                <w:rFonts w:ascii="等线" w:eastAsia="等线" w:hAnsi="等线" w:hint="eastAsia"/>
                <w:color w:val="000000"/>
                <w:sz w:val="22"/>
              </w:rPr>
              <w:t>1890</w:t>
            </w:r>
          </w:p>
        </w:tc>
        <w:tc>
          <w:tcPr>
            <w:tcW w:w="1418" w:type="dxa"/>
            <w:vAlign w:val="center"/>
          </w:tcPr>
          <w:p w14:paraId="4CE965B8" w14:textId="448EC29E"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30F0257A" w14:textId="33CCF3C0" w:rsidR="009F1CC8" w:rsidRDefault="009F1CC8" w:rsidP="009F1CC8">
            <w:pPr>
              <w:rPr>
                <w:rFonts w:hint="eastAsia"/>
              </w:rPr>
            </w:pPr>
            <w:r>
              <w:rPr>
                <w:rFonts w:ascii="等线" w:eastAsia="等线" w:hAnsi="等线" w:hint="eastAsia"/>
                <w:color w:val="000000"/>
                <w:sz w:val="22"/>
              </w:rPr>
              <w:t>80</w:t>
            </w:r>
          </w:p>
        </w:tc>
        <w:tc>
          <w:tcPr>
            <w:tcW w:w="4252" w:type="dxa"/>
          </w:tcPr>
          <w:p w14:paraId="07DA86CD" w14:textId="7C6D493D" w:rsidR="009F1CC8" w:rsidRDefault="009F1CC8" w:rsidP="009F1CC8">
            <w:pPr>
              <w:rPr>
                <w:rFonts w:hint="eastAsia"/>
              </w:rPr>
            </w:pPr>
            <w:r w:rsidRPr="00910B4C">
              <w:t>\00\C0A\80C\00\87\03\96&gt;\FA\E0\A4\87\AD\E5\80c\01+\01\C7\03N 6\0D\D6z\C0\A9\80\0D\803\01\E7|\89s\99\0F\B8\18p9\E0j\C0\F5\D3\19n\06\DC\0A\B8\03p7\E0\BE\86\89SgX\0F\00\1E\06&lt;\0Ax\02\B0\B5\81\8Agm\03&lt;\0Fx\09\B0\93\A1M\07t&lt;\FE\E8\C4\E9\B6D\C0\00`\1E`1\E0\90\C7\1F\1Ft\ABm$\E0(\C01\80\E3\00\ABg\90\0C\B6Z\C0z\C0i\80\8D\80&lt;W\E4\FD\AD\99x\EF\DFWL#k\8E\85:Y`\F4\CEB\97\93z\1A\F7;\C05\B2C!\E4?\12:\F04\EAsJ\A8\EF\18L\FD\D2\10\EA_\86R\CF5\8C\FA\A0\E1\D4\97\8C\A0\FE`$\D9n)\F5We\D4\EF\8C\EA\96\DAP\B8\19\D3\89g\A0O\FE-\A2\D8\E4k\D4ov\A7FC?rU\98\18\07u\EA3\A3w|JB&gt;\E64}\C5\B8O\BC\1A\F4\\\05Z\A9\DF\F3\D1H\E0G9\DF\E9\1D\7F\CF\F6j\D0\0E(\FF\DF\C1\AC\99\D23\945\91\01\98tUXp\15\A8\D38vS\1F\FC\F0?[\BD\C1\AB\B7\E5\F0\17\09{\83\83P'\D94v\E5^\03\C6k\C8z\87:\8D\C27\BF\AD_Cs\B4\03\E28\CD\CF:4\17=\D9\0C\D0\86i\A3\B5\15\DA\16\ED\80v\\k\D3:t\97\1E\D4\07\E8\C3\F4\D1\FAx}\8A&gt;Ko\D5\BB\8C\80\D1\DF\18j\94\1B\D5\C6dc\A6\B1\D0Xil4v\18\FB\8Dc\C6Y\E3\B2\C5a\09X\FA[\86Z\CA-\D5\96\C9\96\99\96\85\96\ED\D6\93\D6vk\97-\D1\96e\1Bh\1Ba\1Bk\AB\B5M\B3\CD\B1-\B1\AD\B15\D9\D7\DB\B7\D9\F79\969\D69\B6:\8B\9CC\9C\A3\9CU4\83nt.p\AEpnpnw6;\8F:\CF8/\B9l.\BF\AB\C85\C45\CAU\E5\AA\17vM\B6\08\B4\0D\E76\D5N\F8\9E,\D7U\1</w:t>
            </w:r>
            <w:r w:rsidRPr="00910B4C">
              <w:lastRenderedPageBreak/>
              <w:t>2{\9F\B4\C2tO\09\FB\E5\F1w\B6\A2\E1\FD\B2L\F7\14\EEM\A6{\A7\E9\DE\1F\17\EE\8B\0B\0F\E2\DEN\ED:D\ED\AA\98\FA\99\E1X\C5I\B2ys\94_\AE\FCY\CAoR\FE\09\E9\A7\F8\95?\0Ey\E9\D4\97y\15e\81\F27w\0B9\A2\FC\CEXy|\A1\B8\FB\BC\B8\FB\AC\D8\FB\B4\A5\B1\F7\E9\17b\EFC\D5\A6{\D2W\A86V\7F\99\9Bc\C33\F7\C7\85\B7\C6\86g\0DF\B8\8BZj\1E\D9y\09\F5\C5\A54\D7\1AG\F3\AA:Y\A2\AC\F9\D2\CF.P\FEh\E5wI?g\A8\F4sC\CAW:\CA\9B+\FD|\D5k\E4\B7\C7\EB\AC\A0Z\F9S \939d\9A\F2\97\C5\96\</w:t>
            </w:r>
            <w:proofErr w:type="spellStart"/>
            <w:r w:rsidRPr="00910B4C">
              <w:t>BE`Kl</w:t>
            </w:r>
            <w:proofErr w:type="spellEnd"/>
            <w:r w:rsidRPr="00910B4C">
              <w:t>\EB)8\14w\7F \F6\BEp`\DC\FD\EC\D8\FB\9Bf\C5\DD\9F\8C\BD\EF?8\F6~\C0\10\D3=\C97\A0$.|\EC{xo\E9\E1~q\\\FC\E5=\DC\9BZC\B7\FB\D5\B8\B7\D0\18\E6W\FB\F8\B9\94k\95\7FZ\FA\B7(\FB\B8E\B6\9DL\1A\B3\CBi.^MO\09\93\E9)a\A6\98+\16\8A\A5b\A5XKO?[\C4\0Ez:\DD/\0E\D3\13\E8)q\96\9E6/S\86\0E-Y\0Bh\CA\1EoQ\B5~\8B\CA\A7x\90\F2\F7K\FF#\AA%~d\A7\F4\07\8EW\FE\1E\E9\7F\B4\BF\F2\AB\94\7FP\F9\17\A5?h\92\F2wI\FF\D6&lt;\E5W(\7F\8E\F4K\B2\94\AFZpI\A7\F4okP\BE\CAo\B0*\FF\E0\A9\D2\FF\98\AE\FCU\D2\1F\A2,b\C81\E9\FFScl-\0CM\8C\D5\FAPW\DC\BD?\EE~X\DC\FD$\D3=\F1\1F\E6\8B\0D\1FV\17w\DF\10{\FF\B9\19\B1\F7\A3C\B1\F7w,\89\BB\DF\16\DB\E7\DE\B1\0B\F7\01\9A\BF\8D\A09\DAXz\CE\AA\A5'\C0i\F4,5G,\10K\C4\0A\B1Fl\10Mb\BB\D8-\9A\C5!qT\9C\14gD\BB\94\F6\8EE\CAo\95\FE\98\19\D2\BF\D3\A6|\A5\C5;U-\8E\1D\AC\FC5\D2\FF\BCK\F9\03\94\AF\FA\99\CF+mW\94(_\B5\92\8Ay\CA?%\FD/\8CP\BE\E2\F7\05\D5\8F\8D\9B\A0\FC\BD\CAW\AD\FD.\D5\DF\DD5%V\EBw\1D\88\D5\D2]gq\EF\A3\E7\CB\BE\E9Eri\91~\E58\E5o\92\FE\DD\AAtw+\E9\ABT\1B\ABR\A5\AA:.\FD/\AA\D2~q\AB\F4\AB\95v\AA\95\96\ABU)\EEQ6t\8F\B2\A1\F1\C3\94\BFL\FA\F7*\1B\BCw\8A\F2\DBbK[\13\D7\06k\96\E2\DE\1D3\CA\8E\A1g\F9\1A1I(\BB\A8Q\E3\EA}\8D\D2\AF</w:t>
            </w:r>
            <w:r w:rsidRPr="00910B4C">
              <w:lastRenderedPageBreak/>
              <w:t>U\9A\AFU5u\BF\B2\AB\09\1E\E5o\90\FE\03#\95\AF\CAX\A7Z\C8\C4D\93\1D\D1\CC\7F\E2Z\D3\DC\83\90\89[bG\8B\89;M2s\FC\D6\D8\FBI\93c\CB4\E9\\\DC\FD\E5\D8\FB\07\E3\EC\E4\C1y\B1\F7\F5\B6X\FE\F5\83b\E5\A9\1F\16\DB\0F\D4\97\C5\DAU\B7\FB\91q\F7\C3\E3\F2\1B\1Aw?6.\FF\AA\B8\FB\FD\B1\F7\0F\8D5\ED\F1\91g\DC\96\83\D3\18q\A7\F6c\FB0~\D7b\99\C1\DFj\B5\CC\B2\CC\E2U\98\96o\0A\DDQ\EA\18',\8EjG\B5Hu\CCr\CC\16~\C7\D3\8EgD\BA\E3\AB\8E\AF\8A\90\E3Y\C7s""\D3\B1\D4\B1Z\E48\FE\9F\E3\82\F8\88\FBf\F7-\E2V\F7 \F7 1\D8\FD\A6\FBM\F11\CFK\9E}b\88\A7\D9\D3,\86&amp;$'\A4\8A\DB\13\D2\12\D2\E8\D9</w:t>
            </w:r>
          </w:p>
        </w:tc>
      </w:tr>
      <w:tr w:rsidR="009F1CC8" w14:paraId="71B5BA39" w14:textId="77777777" w:rsidTr="009F1CC8">
        <w:tc>
          <w:tcPr>
            <w:tcW w:w="1418" w:type="dxa"/>
          </w:tcPr>
          <w:p w14:paraId="370CCC92" w14:textId="0051E25E" w:rsidR="009F1CC8" w:rsidRDefault="009F1CC8" w:rsidP="009F1CC8">
            <w:pPr>
              <w:rPr>
                <w:rFonts w:hint="eastAsia"/>
              </w:rPr>
            </w:pPr>
            <w:r w:rsidRPr="00247E8E">
              <w:lastRenderedPageBreak/>
              <w:t>2022/07/14 09:57:57</w:t>
            </w:r>
          </w:p>
        </w:tc>
        <w:tc>
          <w:tcPr>
            <w:tcW w:w="1560" w:type="dxa"/>
            <w:vAlign w:val="center"/>
          </w:tcPr>
          <w:p w14:paraId="0110BD42" w14:textId="58AFEA1C"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7A3933A3" w14:textId="6FB51A72" w:rsidR="009F1CC8" w:rsidRDefault="009F1CC8" w:rsidP="009F1CC8">
            <w:pPr>
              <w:rPr>
                <w:rFonts w:hint="eastAsia"/>
              </w:rPr>
            </w:pPr>
            <w:r>
              <w:rPr>
                <w:rFonts w:ascii="等线" w:eastAsia="等线" w:hAnsi="等线" w:hint="eastAsia"/>
                <w:color w:val="000000"/>
                <w:sz w:val="22"/>
              </w:rPr>
              <w:t>1890</w:t>
            </w:r>
          </w:p>
        </w:tc>
        <w:tc>
          <w:tcPr>
            <w:tcW w:w="1418" w:type="dxa"/>
            <w:vAlign w:val="center"/>
          </w:tcPr>
          <w:p w14:paraId="7F7EE9ED" w14:textId="11C4854C"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42E11C43" w14:textId="3B3A6E14" w:rsidR="009F1CC8" w:rsidRDefault="009F1CC8" w:rsidP="009F1CC8">
            <w:pPr>
              <w:rPr>
                <w:rFonts w:hint="eastAsia"/>
              </w:rPr>
            </w:pPr>
            <w:r>
              <w:rPr>
                <w:rFonts w:ascii="等线" w:eastAsia="等线" w:hAnsi="等线" w:hint="eastAsia"/>
                <w:color w:val="000000"/>
                <w:sz w:val="22"/>
              </w:rPr>
              <w:t>80</w:t>
            </w:r>
          </w:p>
        </w:tc>
        <w:tc>
          <w:tcPr>
            <w:tcW w:w="4252" w:type="dxa"/>
          </w:tcPr>
          <w:p w14:paraId="51061739" w14:textId="079F956F" w:rsidR="009F1CC8" w:rsidRDefault="009F1CC8" w:rsidP="009F1CC8">
            <w:pPr>
              <w:rPr>
                <w:rFonts w:hint="eastAsia"/>
              </w:rPr>
            </w:pPr>
            <w:r w:rsidRPr="00910B4C">
              <w:t>\1An\A3k\A9_[\DA\86\86f\FF\00D\13\B2\02\A9-\C4\88\16TEl\95,T\A1\C9 5}\0FN\8A\92\8F\BCc\C4\95\F0\95\F1i\E1-d\AC\DAM]\FE_5\AE\F7\E8e\F8\A3\C4V^\11\F0\F6\A1\AC\EA\12yVv0\B4\D27r\00\E8=\C9\C0\1E\E4W\13\F0\1FA\BC\B3\F0\9D\CE\BD\ABFc\D6\BCIt\FA\AD\CA\B7X\D5\FF\00\D5G\FF\00\01@?3X:\D4\C7\E3\AF\8E#\D1-\0F\99\E0m\06\E1e\D4\AE\97\EE_\DD\A1\CA\DB\A9\FE$S\CBv\CF\E1^\CE\AA\15@\03\00p\00\AD\17\BC\EF\D8\F1\EA\AF\AA\E1\FD\8B\F8\E7f\FC\97E\EA\F7\7F!j\BE\A1\A7\DBj\963\D9\DEA\1D\CD\AC\E8c\96\19\17r\BA\91\82\08\AB\14V\87\96\9BN\E8\F1EMw\F6}\95\92\18.\BCG\F0\E8\BE\E0\91\E6K\BD \13\C8\03\AC\91\0F\CC\7F?U\F0\CF\8A\B4\8F\18\E91jZ.\A1\06\A3e \E2X[8&gt;\84u\07\D8\F3Z\A7\9E\0F""\BC\D3\C4\1F\034\DB\8DR]k\C2\FA\85\DF\835\D99{\9D,\81\0C\C7\FE\9A\C2~V\FD+;8\ED\B1\EA\BA\D4q\9F\EF\0F\96\7F\CC\B6\7F\E2]\FC\D6\FDSz\9E\99Ey2\EB_\16\BC'\FB\BB\FD\07I\F1\AD\AA\F4\BA\D3.&gt;\C7pG\A9\8D\F2\A4\FD\08\ABP\FCl\BA\8D\8A\EA\1F\0F|cf}a\D3~\D2?8\C9\A7\CE\BA\99\BC\BE\B3\D6\9BR^R_\95\EF\F7\A3\D3\E8\AF2\B8\F8\DD#|\B6&gt;\01\F1\9D\E3\FA&gt;\90\D0\0F\CEB*\A4\9E,\F8\A5\E2rc\D1\FC\1Fc\E1\88\18\E3\ED\B</w:t>
            </w:r>
            <w:r w:rsidRPr="00910B4C">
              <w:lastRenderedPageBreak/>
              <w:t>A\F5\E0\95\C0\F5\10\C5\DF\EAh\E7]\01e\F5\B7\9D\A2\BC\E4\97\E1{\FD\C8\F4\DDWV\B2\D0\F4\F9\AF\B5\1B\B8l\AC\E1]\D2Op\E1\11G\B95\E47\9E&amp;\D7&gt;;I&amp;\97\E1cq\A1\F8,\9D\97\9E""u1\CDx\BF\C5\1D\B2\9E@=\0B\9F\C3\DFSO\F8\16\9A\C5\F4:\9F\8F5\BB\AF\19\DFF\DB\E3\B5\98yV0\B7\FB0/\07\EA\D9\AFR\86\18\ED\E2H\A2E\8E4\1BU\10`(\1D\80\A5\EFK}\11\A2\A9\87\C1\EBI\F3\CF\BD\BD\D5\E8\9E\AD\F9\BB/&amp;gxg\C3:o\83\F4;M#I\B5KK\1Bd\D9\1Ck\FA\92{\93\D4\9E\F5\A9E\15\A1\E5\CAR\9C\9C\A4\EE\D9\FF\D9\0Aendstream\0Aendobj\0A35 0 obj\0A&lt;&lt;\0A/</w:t>
            </w:r>
            <w:proofErr w:type="spellStart"/>
            <w:r w:rsidRPr="00910B4C">
              <w:t>BitsPerComponent</w:t>
            </w:r>
            <w:proofErr w:type="spellEnd"/>
            <w:r w:rsidRPr="00910B4C">
              <w:t xml:space="preserve"> 8\0A/</w:t>
            </w:r>
            <w:proofErr w:type="spellStart"/>
            <w:r w:rsidRPr="00910B4C">
              <w:t>ColorSpace</w:t>
            </w:r>
            <w:proofErr w:type="spellEnd"/>
            <w:r w:rsidRPr="00910B4C">
              <w:t xml:space="preserve"> /</w:t>
            </w:r>
            <w:proofErr w:type="spellStart"/>
            <w:r w:rsidRPr="00910B4C">
              <w:t>DeviceRGB</w:t>
            </w:r>
            <w:proofErr w:type="spellEnd"/>
            <w:r w:rsidRPr="00910B4C">
              <w:t>\0A/Filter /</w:t>
            </w:r>
            <w:proofErr w:type="spellStart"/>
            <w:r w:rsidRPr="00910B4C">
              <w:t>DCTDecode</w:t>
            </w:r>
            <w:proofErr w:type="spellEnd"/>
            <w:r w:rsidRPr="00910B4C">
              <w:t>\0A/Height 100\0A/Length 6289\0A/Subtype /Image\0A/Type /</w:t>
            </w:r>
            <w:proofErr w:type="spellStart"/>
            <w:r w:rsidRPr="00910B4C">
              <w:t>XObject</w:t>
            </w:r>
            <w:proofErr w:type="spellEnd"/>
            <w:r w:rsidRPr="00910B4C">
              <w:t>\0A/Width 100\0A&gt;&gt;\0Astream\0A\FF\D8\FF\E0\00\10JFIF\00\01\01\01\00`\00`\00\00\FF\DB\00C\00\03\02\02\03\02\02\03\03\03\03\04\03\03\04\05\08\05\05\04\04\05\0A\07\07\06\08\0C\0A\0C\0C\0B\0A\0B\0B\0D\0E\12\10\0D\0E\11\0E\0B\0B\10\16\10\11\13\14\15\15\15\0C\0F\17\18\16\14\18\12\14\15\14\FF\DB\00C\01\03\04\04\05\04\05\09\05\05\09\14\0D\0B\0D\14\14\14\14\14\14\14\14\14\14\14\14\14\14\14\14\14\14\14\14\14\14\14\14\14\14\14\14\14\14\14\14\14\14\14\14\14\14\14\14\14\14\14\14\14\14\14\14\14\14\FF\C0\00\11\08\00d\00d\03\01""\00\02\11\01\03\11\01\FF\C4\00\1F\00\00\01\05\01\01\01\01\01\01\00\00\00\00\00\00\00\00\01\02\03\04\05\06\07\08\09\0A\0B\FF\C4\00\B5\10\00\02\01\03\03\02\04\03\05\05\04\04\00\00\01}\01\02\03\00\04\11\05\12!1A\06\13Qa\07""q\142\81\91\A1\08#B\B1\C1\15R\D1\F0$3br\82\09\0A\16\17\18\19\1A%&amp;'()*456789:CDEFGHIJSTUVWXYZcdefghijstuvwxyz\83\84\85\86\87\88\89\8A\92\93\94\95\96\97\98\99\9A\A2\A3\A4\A5\A6\A7\A8\A9\AA\B2\B3\B4\B5\B6\B7\B8\B9\BA\C2\C3\C4\C5\C6\C7\C8\C9\CA\D2\D3\D4\D5\D6\D7\D8\D9\DA\E1\E2\E3\E4\E5\E6\E7\E8</w:t>
            </w:r>
            <w:r w:rsidRPr="00910B4C">
              <w:lastRenderedPageBreak/>
              <w:t>\E9\EA\F1\F2\F3\F4\F5\F6\F7\F8\F9\FA\FF\C4\00\1F\01\00\03\01\01\01\01\01\01\01\01\01\00\00\00\00\00\00\01\02\03\04\05\06\07\08\09\0A\0B\FF\C4\00\B5\11\00\02\01\02\04\04\03\04\07\05\04\04\00\01\02w\00\01\02\03\11\04\05!1\06\12AQ\07aq\13""2\81\08\14B\91\A1\B1\C1\09#3R\F0\15br\D1\0A\16$4\E1%\F1\17\18\19\1A&amp;'()*56789:CDEFGHIJSTUVWXYZcdefghijstuvwxyz\82\83\84\85\86\87\88\89\8A\92\93\94\95\96\97\98\99\9A\A2\A3\A4\A5\A6\A7\A8\A9\AA\B2\B3\B4\B5\B6\B7\B8\B9\BA\C2\C3\C4\C5\C6\C7\C8\C9\CA\D2\D3\D4\D5\D6\D7\D8\D9\DA\E2\E3\E4\E5\E6\E7\E8\E9\EA\F2\F3\F4\F5\F6\F7\F8\F9\FA\FF\DA\00\0C\03\01\00\02\11\03\11\00?\00\FDS\A2\8A\F2\AF\DA+\F6\8A\D0\FF\00f\BF\0A\E8z</w:t>
            </w:r>
          </w:p>
        </w:tc>
      </w:tr>
      <w:tr w:rsidR="009F1CC8" w14:paraId="51B22063" w14:textId="77777777" w:rsidTr="009F1CC8">
        <w:tc>
          <w:tcPr>
            <w:tcW w:w="1418" w:type="dxa"/>
          </w:tcPr>
          <w:p w14:paraId="6D026541" w14:textId="3C8D28D2" w:rsidR="009F1CC8" w:rsidRDefault="009F1CC8" w:rsidP="009F1CC8">
            <w:pPr>
              <w:rPr>
                <w:rFonts w:hint="eastAsia"/>
              </w:rPr>
            </w:pPr>
            <w:r w:rsidRPr="00247E8E">
              <w:lastRenderedPageBreak/>
              <w:t>2022/07/14 09:57:57</w:t>
            </w:r>
          </w:p>
        </w:tc>
        <w:tc>
          <w:tcPr>
            <w:tcW w:w="1560" w:type="dxa"/>
            <w:vAlign w:val="center"/>
          </w:tcPr>
          <w:p w14:paraId="0FF35FFC" w14:textId="4B9DDB51"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06B5F348" w14:textId="01F39B68" w:rsidR="009F1CC8" w:rsidRDefault="009F1CC8" w:rsidP="009F1CC8">
            <w:pPr>
              <w:rPr>
                <w:rFonts w:hint="eastAsia"/>
              </w:rPr>
            </w:pPr>
            <w:r>
              <w:rPr>
                <w:rFonts w:ascii="等线" w:eastAsia="等线" w:hAnsi="等线" w:hint="eastAsia"/>
                <w:color w:val="000000"/>
                <w:sz w:val="22"/>
              </w:rPr>
              <w:t>1890</w:t>
            </w:r>
          </w:p>
        </w:tc>
        <w:tc>
          <w:tcPr>
            <w:tcW w:w="1418" w:type="dxa"/>
            <w:vAlign w:val="center"/>
          </w:tcPr>
          <w:p w14:paraId="0D42D57F" w14:textId="799D843F"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58050F6D" w14:textId="2AE7702F" w:rsidR="009F1CC8" w:rsidRDefault="009F1CC8" w:rsidP="009F1CC8">
            <w:pPr>
              <w:rPr>
                <w:rFonts w:hint="eastAsia"/>
              </w:rPr>
            </w:pPr>
            <w:r>
              <w:rPr>
                <w:rFonts w:ascii="等线" w:eastAsia="等线" w:hAnsi="等线" w:hint="eastAsia"/>
                <w:color w:val="000000"/>
                <w:sz w:val="22"/>
              </w:rPr>
              <w:t>80</w:t>
            </w:r>
          </w:p>
        </w:tc>
        <w:tc>
          <w:tcPr>
            <w:tcW w:w="4252" w:type="dxa"/>
          </w:tcPr>
          <w:p w14:paraId="552D9B78" w14:textId="103488F0" w:rsidR="009F1CC8" w:rsidRDefault="009F1CC8" w:rsidP="009F1CC8">
            <w:pPr>
              <w:rPr>
                <w:rFonts w:hint="eastAsia"/>
              </w:rPr>
            </w:pPr>
            <w:r w:rsidRPr="00910B4C">
              <w:t xml:space="preserve">\99\A7\EF\E0g\87\DC.\C6\F3,y.\9E\0B\E5%\F3|\89\C6\D9iy\FE\BCP\CA\81\BC&lt;\9E\17\E5\F5\E7yT\DE\C0\BC\C1\84\0Fc&lt;p(o$\E1\A3(\ED\81\BC1\DCz\F3\C6\E5U\A7\9C\C8\AB5\B7\E4\B4cy\93\BC+\F3\A6\E4M'\EB\CB\CBk\A4V\BD@\CE\19\D8F\F2f\B3\8D\F0\B3\09\8D#\F4\14\907O\D1\17\E6-\91t\9A\993}9\E3y\AB\18\A79\86in\90\B7\96\FB\9F\BC\0D\E8\7Fhn@2o\F6\0DO\1F\08|+\E3y;x\86\90\B7[\8Eqy\FB\F2\0E\E4\ED\CE;\9Cw4\FD(\E8'\98\9Ew\1A\F8Y\E0\EDy\17\F3:R,\F9""\DF\96R\9B\EF\01\EEe\9C\9F\92\F2\03\F9Y\BE\B1\F9\05\F9\03\F0\A4\809&lt;\CF4\F2\07q{\CE\1F\02|8\E3y\03\81\97\CAv\EE_\98_\EE]\99:7\7FlJG\DA1\E0\0B\18\CF=\C3\FDL~%\F73&lt;\1B\C9\F3\F3l$\7F&lt;\F0\AD\C0'\E4\D7\E7O\E5\99I~\83o\11\CFx\F3\F1\BC\93?'\7F~\FE\A2\94a\F9K\F3W\F8\16\A5\AD\06\BE\9Aq\8E\9F?\93\E3\E7\CF\C9=\C3\CFk\F9\EB\F27\FAVs\7F\95\DF\C4-?\7F\1B\E3\B9]\C0w\9A\FB1\8C\F5\EDr\AC\8F\CEj\D2\863\9E\B7\8A\F1\FC=\F9\CD\F9\07SjI\FE\16\9F\87\9F\01\F3\8F\F1\D3V\DE\BC\FC\93\D19\0C?\15\E6\B7\F2\F3W\FE\A0\D4\C4\FC6\EF\A6\FC\F3\F9\97|{\14\DEY\A0\178\A8\97\E39\83\9F\E7\0C\05\89\D1\19,\F7\90\05&gt;\B6\AF\82 </w:t>
            </w:r>
            <w:r w:rsidRPr="00910B4C">
              <w:lastRenderedPageBreak/>
              <w:t>\F0\1C\E0E\\\FB\05\C5\05%\05C}\AB\D3\1B\0BF\90\FE\E7b\8E\81Q\A0\A0\AC`tzmAEAUAMA]\D6\A1\82\C9\0C}\83R\D7\14P\7F\98QQ0#\94\9C\B1\B8`\96\7Fw\C1\DC\82\05\05\8B\0B\96\15\AC,XS\B0\BE`S\C1\96\82\ED\05\BB\0A\F6\16\EC/8Tp\C4[Rp\BC\E0T\C1\99\82s\05\17\0A.\17t\A5\9FU\CF\C8e\85\96B\17k\BE0\99\E5)\F4\17\86\0A\F3\0A\FB\AB'\\\F9l\8B\A7\DA\B8'\D6\09\E1\A7\D4\C2\81\85\83c\9FU\E5\08.\E7\0F\85\C3\0AG\16\8E*\1CS8.\D8\\X]X[8I\F6\AB\FEI\85\F4\0C%\F9d\9D*\9C\9ES^\D8X8\BBp\1Elv\8C\B4D\CE\B7p\A1z\9A\E6\B9\F1!\D9\92Y\92\C2%\B2\05F%)\\n\EE!\B9\EE\88N\CF\C8\85\ABd\9F\C6=F\E1Z\F9|-\FB%\B6\E5\FC=&lt;v\14n\90PRd.\85\9BSv\E4\EC,\DCZ\B8\A3p\B7l!&lt;j\10e_\E1\81\C2\C3\F2\ED\84|cPx\D4;\B4\F0\84|;Qx\BA\F0,\D9)\DEE\C8\A7\FE\C2\F6\C2\8B\85\1DE\A2\88\C6\17\F9\CEA\EAM\BEU\90\F3\CC""O\91\B7(`~\A2T\B5#\DFWP\AA\A2\AC\A2\82\A2\01i\05E\83\8A\86\14\0D/*-*\CF9X4\B6\A8\B2h&lt;\B7\87\A2\09B\EB:\CB\FF!t\DD\CE\EF\FE\09\DF&amp;\B4\CES\FCv\F4\CA\9F\8C\0B\0C\F9\BF\CB+\7F\B2\CA\FF\7F\93A\E1\B7\A3I\0A2\E5\90q\16\EF\A7/ \0E\FF;1\\Q\8EP\E8&gt;^\EF \DF\</w:t>
            </w:r>
            <w:proofErr w:type="spellStart"/>
            <w:r w:rsidRPr="00910B4C">
              <w:t>CD^y</w:t>
            </w:r>
            <w:proofErr w:type="spellEnd"/>
            <w:r w:rsidRPr="00910B4C">
              <w:t>\03\EF]\D3\E5\DBW\CBB\E6 \B2\10ZB\A1\97d\BEL!\\\D2\F1?\03\E7~\E5\1C\E4\D9\A0\D2\F2{\DA$\99#\E7E\A9@\D7\1D\08\B5!\B4\13|\F0\9F\80\E4f\C1{Z\A6\13\CEk\00/\F3\BF\04\C67\F9?\0D\FD2\BF\0D\D6\1B\99b\19\03J#(\ED\A0\\\02\A5\FD\CA\1B\F8\7F\96)\87@\D9\858\8B@Y\0D\CA""P\EA@\A9\02\A5\8E)\D6,\C6\AD+\14\9F?a\DD\EB\09\C4\9C\89\FF\91\99\D2\06J;(K\C1\A7\99)\D6\12\A4j\06e+8\07A\D9\CA\14\A3\9E)\B6.\A6\18\F5\A0\E8H\B5\09\14\1D\94\B32\DF.\D2\98%\19\B8\17e?\02|\18\97\CBr\1A\F1\FDH\BB\18\B8\07\F8&lt;\89\83\CF\11\A6\D8\C7\82r\04\E5\9A\06\0Ek \D5&gt;\E0\D5(\CBQ\CB\1C\CE\91\DB\83v\94\F9S\E9:(\95\1D\FFb\B5\81\B2\97\E3\18#\10\A7\0B\94S\1C\C7b\03\1F\07(\17\11'\07q.B</w:t>
            </w:r>
            <w:r w:rsidRPr="00910B4C">
              <w:lastRenderedPageBreak/>
              <w:t>\FF\8D\1CG\F7\82~\96\E9\BA\97\DF\B4S\89\98\7F9\F3\D7\BD\90! cB\9F\01P\8AA)b\8A\98\89T\0E\A4\9A\8FT\0E\94\D1\C3\9C\AD3\C1\D9\81\\\C61n\CC\07\\\07I\9AP\BA]h\EDo\82\F3lP\0E#t)$\1F\8D|O\A1\BC\A3\A1\E1 8\E8\E0\DF!K\0D\FE\9DJ\03\\\BF\C3\98b\19\8A\DC\87\B1\84\DA)\C4\D9\8C8{\11\E72\AF\97\B7\CC\B0%\A2N\A7s\AB\B3\7F\8C\E0q\A6[7I:\F0\11\8C\1B~\E0\9D\8CkGy\85\ACq;\F6\D6\1C\B5\DE\8Fr1\DE\855\EC\17\11\FA\08(\179\94t\F8#^\C9\80\1D6\F71\D4\86(\DDN\82\F6\98\C3waM^NK\90)\FF\87)\C6\CF\00\FF\1B\A1\C2V\C0k\BF\B03@\B06\8C%h\B7\DB\D0\96\96\A0\\?\84f\AAP\F6\1F\A2\AE\0F\A2=\08\EB#\94\E3m\A8\AF\CB\\R\CB\CD(c3\97\CB8\09&gt;\A7\C0\E7$\A7\B2\FE\02z\F6\80\C30\96\C7\F2U\96\C1\F2\06R-\826&lt;\D0F-s3&gt;\AD</w:t>
            </w:r>
          </w:p>
        </w:tc>
      </w:tr>
      <w:tr w:rsidR="009F1CC8" w14:paraId="3171F91C" w14:textId="77777777" w:rsidTr="009F1CC8">
        <w:tc>
          <w:tcPr>
            <w:tcW w:w="1418" w:type="dxa"/>
          </w:tcPr>
          <w:p w14:paraId="2FFCF1BD" w14:textId="27637948" w:rsidR="009F1CC8" w:rsidRDefault="009F1CC8" w:rsidP="009F1CC8">
            <w:pPr>
              <w:rPr>
                <w:rFonts w:hint="eastAsia"/>
              </w:rPr>
            </w:pPr>
            <w:r w:rsidRPr="00247E8E">
              <w:lastRenderedPageBreak/>
              <w:t>2022/07/14 09:57:57</w:t>
            </w:r>
          </w:p>
        </w:tc>
        <w:tc>
          <w:tcPr>
            <w:tcW w:w="1560" w:type="dxa"/>
            <w:vAlign w:val="center"/>
          </w:tcPr>
          <w:p w14:paraId="15D2BD06" w14:textId="0BC778E5"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50AA4F18" w14:textId="7E75970B" w:rsidR="009F1CC8" w:rsidRDefault="009F1CC8" w:rsidP="009F1CC8">
            <w:pPr>
              <w:rPr>
                <w:rFonts w:hint="eastAsia"/>
              </w:rPr>
            </w:pPr>
            <w:r>
              <w:rPr>
                <w:rFonts w:ascii="等线" w:eastAsia="等线" w:hAnsi="等线" w:hint="eastAsia"/>
                <w:color w:val="000000"/>
                <w:sz w:val="22"/>
              </w:rPr>
              <w:t>1890</w:t>
            </w:r>
          </w:p>
        </w:tc>
        <w:tc>
          <w:tcPr>
            <w:tcW w:w="1418" w:type="dxa"/>
            <w:vAlign w:val="center"/>
          </w:tcPr>
          <w:p w14:paraId="30A9233C" w14:textId="0030877F"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63B994A1" w14:textId="60CAC869" w:rsidR="009F1CC8" w:rsidRDefault="009F1CC8" w:rsidP="009F1CC8">
            <w:pPr>
              <w:rPr>
                <w:rFonts w:hint="eastAsia"/>
              </w:rPr>
            </w:pPr>
            <w:r>
              <w:rPr>
                <w:rFonts w:ascii="等线" w:eastAsia="等线" w:hAnsi="等线" w:hint="eastAsia"/>
                <w:color w:val="000000"/>
                <w:sz w:val="22"/>
              </w:rPr>
              <w:t>80</w:t>
            </w:r>
          </w:p>
        </w:tc>
        <w:tc>
          <w:tcPr>
            <w:tcW w:w="4252" w:type="dxa"/>
          </w:tcPr>
          <w:p w14:paraId="6187CA8A" w14:textId="4A7608D9" w:rsidR="009F1CC8" w:rsidRDefault="009F1CC8" w:rsidP="009F1CC8">
            <w:pPr>
              <w:rPr>
                <w:rFonts w:hint="eastAsia"/>
              </w:rPr>
            </w:pPr>
            <w:r w:rsidRPr="00910B4C">
              <w:t>\B6\F9\A7\0C1_j\D1@\1F\9A\BF\B4\87\EC\B7\A1\F8O\F6\A6\FD\9F.\FC\13\E0o\88\1A\CF\894\DDk\C3\D2\EB\9E*\B6\D2\12}\1E\EA\D6;\E9M\C5\EE\A1u\14A\DFRgT\92Y_\0AP\EEnH\AF\D2\AA(\A0\02\8A(\A0\02\8A(\A0\02\8A(\A0\02\8A(\A0\02\8A(\A0\02\8A(\A0\02\8A(\A0\02\8A(\A0\0F\FF\D9\0Aendstream\0Aendobj\0A48 0 obj\0A&lt;&lt;\0A/</w:t>
            </w:r>
            <w:proofErr w:type="spellStart"/>
            <w:r w:rsidRPr="00910B4C">
              <w:t>BitsPerComponent</w:t>
            </w:r>
            <w:proofErr w:type="spellEnd"/>
            <w:r w:rsidRPr="00910B4C">
              <w:t xml:space="preserve"> 8\0A/</w:t>
            </w:r>
            <w:proofErr w:type="spellStart"/>
            <w:r w:rsidRPr="00910B4C">
              <w:t>ColorSpace</w:t>
            </w:r>
            <w:proofErr w:type="spellEnd"/>
            <w:r w:rsidRPr="00910B4C">
              <w:t xml:space="preserve"> /</w:t>
            </w:r>
            <w:proofErr w:type="spellStart"/>
            <w:r w:rsidRPr="00910B4C">
              <w:t>DeviceRGB</w:t>
            </w:r>
            <w:proofErr w:type="spellEnd"/>
            <w:r w:rsidRPr="00910B4C">
              <w:t>\0A/Filter /</w:t>
            </w:r>
            <w:proofErr w:type="spellStart"/>
            <w:r w:rsidRPr="00910B4C">
              <w:t>DCTDecode</w:t>
            </w:r>
            <w:proofErr w:type="spellEnd"/>
            <w:r w:rsidRPr="00910B4C">
              <w:t>\0A/Height 100\0A/Length 6304\0A/Subtype /Image\0A/Type /</w:t>
            </w:r>
            <w:proofErr w:type="spellStart"/>
            <w:r w:rsidRPr="00910B4C">
              <w:t>XObject</w:t>
            </w:r>
            <w:proofErr w:type="spellEnd"/>
            <w:r w:rsidRPr="00910B4C">
              <w:t>\0A/Width 100\0A&gt;&gt;\0Astream\0A\FF\D8\FF\E0\00\10JFIF\00\01\01\01\00`\00`\00\00\FF\DB\00C\00\03\02\02\03\02\02\03\03\03\03\04\03\03\04\05\08\05\05\04\04\05\0A\07\07\06\08\0C\0A\0C\0C\0B\0A\0B\0B\0D\0E\12\10\0D\0E\11\0E\0B\0B\10\16\10\11\13\14\15\15\15\0C\0F\17\18\16\14\18\12\14\15\14\FF\DB\00C\01\03\04\04\05\04\05\09\05\05\09\14\0D\0B\0D\14\14\14\14\14\14\14\14\14\14\14\14\14\14\14\14\14\14\14\14\14\14\14\14\14\14\14\14\14\14\14\14\14\14\14\14\14\14\14\14\14\14\14\14\14\14\14\14\1</w:t>
            </w:r>
            <w:r w:rsidRPr="00910B4C">
              <w:lastRenderedPageBreak/>
              <w:t>4\14\FF\C0\00\11\08\00d\00d\03\01""\00\02\11\01\03\11\01\FF\C4\00\1F\00\00\01\05\01\01\01\01\01\01\00\00\00\00\00\00\00\00\01\02\03\04\05\06\07\08\09\0A\0B\FF\C4\00\B5\10\00\02\01\03\03\02\04\03\05\05\04\04\00\00\01}\01\02\03\00\04\11\05\12!1A\06\13Qa\07""q\142\81\91\A1\08#B\B1\C1\15R\D1\F0$3br\82\09\0A\16\17\18\19\1A%&amp;'()*456789:CDEFGHIJSTUVWXYZcdefghijstuvwxyz\83\84\85\86\87\88\89\8A\92\93\94\95\96\97\98\99\9A\A2\A3\A4\A5\A6\A7\A8\A9\AA\B2\B3\B4\B5\B6\B7\B8\B9\BA\C2\C3\C4\C5\C6\C7\C8\C9\CA\D2\D3\D4\D5\D6\D7\D8\D9\DA\E1\E2\E3\E4\E5\E6\E7\E8\E9\EA\F1\F2\F3\F4\F5\F6\F7\F8\F9\FA\FF\C4\00\1F\01\00\03\01\01\01\01\01\01\01\01\01\00\00\00\00\00\00\01\02\03\04\05\06\07\08\09\0A\0B\FF\C4\00\B5\11\00\02\01\02\04\04\03\04\07\05\04\04\00\01\02w\00\01\02\03\11\04\05!1\06\12AQ\07aq\13""2\81\08\14B\91\A1\B1\C1\09#3R\F0\15br\D1\0A\16$4\E1%\F1\17\18\19\1A&amp;'()*56789:CDEFGHIJSTUVWXYZcdefghijstuvwxyz\82\83\84\85\86\87\88\89\8A\92\93\94\95\96\97\98\99\9A\A2\A3\A4\A5\A6\A7\A8\A9\AA\B2\B3\B4\B5\B6\B7\B8\B9\BA\C2\C3\C4\C5\C6\C7\C8\C9\CA\D2\D3\D4\D5\D6\D7\D8\D9\DA\E2\E3\E4\E5\E6\E7\E8\E9\EA\F2\F3\F4\F5\F6\F7\F8\F9\FA\FF\DA\00\0C\03\01\00\02\11\03\11\00?\00\FDS\A2\8A\F2\AF\DA+\F6\8A\D0\FF\00f\BF\0A\E8z\DE\B7\A1\F8\83\C4\7F\DBZ\D4\1A\0D\8E\9D\E1\9BD\BA\BC\9A\EAh\E5x\D5cy\13v|\A2\A0),Y\94\00s\C0\07\AA\D1_*\FF\00\C3}\7F\D5\B9~\D0\1F\F8C\7F\F6\FA\EF\FE\0A\FE\D6\DE\08\F8\D1\E1[\ADof\A1\E0O\B3\F8\99\FC\1F\FD\9D\E3Q\06\9Dy&amp;\AA\B1\C6\FF\00eH\FC\D6\CC\A7\CC\DA#\CE\F2\C8\E3o\14\01\EDtW\CE\BE#\FD\B7\BC+\A0\F8\07\C6\FE.\B7\F0g\8E&lt;A\A6\F87\C5\B7\DE\11\D6""\D14\B8\AEf\82[H\8C\B3\DE\10&amp;\01m\15G\FA\D7*Aa\95\19\CDj\FC\1D\FD\B3&gt;\1D|v\F1\F6\97\E1\1F\08\DC\DCj:\95\EF\84\A2\F1t\92\C7%\B4\B0\D9D\F2\A4F\CE\E0\C73\98\EE\D1\A4</w:t>
            </w:r>
            <w:r w:rsidRPr="00910B4C">
              <w:lastRenderedPageBreak/>
              <w:t>M\F1c\0A\0F\DE\E8(\03\DDh\AE+V\F8\A9c\A0\F8\FA\F3\C3\9A\9E\91\ACi\DAm\97\87\DF\C4W^/\BB\B6X\B4\18""ILo\03\DD\B3\00\B3\AA\83)B0#\05\8BW\8F\FF\00\C3th\7F\F0\95\7Fg\FF\00\C2\AE\F8\A1\FF\00\08\DF\DB|\8F\F8N\FF\00\E1\1FO\F8F\FE\CB\E6m\FE\D2\FBw\9F\B3\EC;?}\F6\8Cm\F2\BE~\94\01\F4\AD\15\E3\FF\00\02\FF\00j\DF\87_\B4F\AB\E2\9D3\C2:\DD\BC\FA\96\81\A9\DDi\F2Y\C9wl\D3^E\03F\A6\FA\DD#\95\CC\96\8E\D2\A0I\B0\01&lt;`q\9F5\BD\FF\00\82\83\E8\7F\F0\95x\AFD\D1&gt;\0E|`\F1\8F\FC#Z\D5\DE\83}\A8\F8g\C2\E9}g\F6\ABy6H\AB""\\}\18\06\01\B6\B2\92\06h\03\EA\AA+\E5[/\F8(&gt;\87\FF\00\09W\854Mo\E0\E7\C6\0F\07\7F\C2K\ADZh6:\8F\89\BC.\966\7Fj\B8\93dj\D2=\C7\D5\88P[j\B1\00\E2\BE\AA\A0\02\8A(\A0\02\BEU\FD\BE\BF\E6\DC\BF\EC\B3xs\FF\00n+\EA\AA\F9+\FE\0AU\AB|:\D0~\0B\F8OS\F8\95y\E3\8D;M\B2\F1</w:t>
            </w:r>
          </w:p>
        </w:tc>
      </w:tr>
      <w:tr w:rsidR="009F1CC8" w14:paraId="0A87EFD5" w14:textId="77777777" w:rsidTr="009F1CC8">
        <w:tc>
          <w:tcPr>
            <w:tcW w:w="1418" w:type="dxa"/>
          </w:tcPr>
          <w:p w14:paraId="2DFB7FAB" w14:textId="19648092" w:rsidR="009F1CC8" w:rsidRDefault="009F1CC8" w:rsidP="009F1CC8">
            <w:pPr>
              <w:rPr>
                <w:rFonts w:hint="eastAsia"/>
              </w:rPr>
            </w:pPr>
            <w:r w:rsidRPr="00247E8E">
              <w:lastRenderedPageBreak/>
              <w:t>2022/07/14 09:57:57</w:t>
            </w:r>
          </w:p>
        </w:tc>
        <w:tc>
          <w:tcPr>
            <w:tcW w:w="1560" w:type="dxa"/>
            <w:vAlign w:val="center"/>
          </w:tcPr>
          <w:p w14:paraId="245D9817" w14:textId="5E77439A"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35A08372" w14:textId="206962E8" w:rsidR="009F1CC8" w:rsidRDefault="009F1CC8" w:rsidP="009F1CC8">
            <w:pPr>
              <w:rPr>
                <w:rFonts w:hint="eastAsia"/>
              </w:rPr>
            </w:pPr>
            <w:r>
              <w:rPr>
                <w:rFonts w:ascii="等线" w:eastAsia="等线" w:hAnsi="等线" w:hint="eastAsia"/>
                <w:color w:val="000000"/>
                <w:sz w:val="22"/>
              </w:rPr>
              <w:t>1890</w:t>
            </w:r>
          </w:p>
        </w:tc>
        <w:tc>
          <w:tcPr>
            <w:tcW w:w="1418" w:type="dxa"/>
            <w:vAlign w:val="center"/>
          </w:tcPr>
          <w:p w14:paraId="69DF8520" w14:textId="060430B5"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3F031F3A" w14:textId="69CD3BBC" w:rsidR="009F1CC8" w:rsidRDefault="009F1CC8" w:rsidP="009F1CC8">
            <w:pPr>
              <w:rPr>
                <w:rFonts w:hint="eastAsia"/>
              </w:rPr>
            </w:pPr>
            <w:r>
              <w:rPr>
                <w:rFonts w:ascii="等线" w:eastAsia="等线" w:hAnsi="等线" w:hint="eastAsia"/>
                <w:color w:val="000000"/>
                <w:sz w:val="22"/>
              </w:rPr>
              <w:t>80</w:t>
            </w:r>
          </w:p>
        </w:tc>
        <w:tc>
          <w:tcPr>
            <w:tcW w:w="4252" w:type="dxa"/>
          </w:tcPr>
          <w:p w14:paraId="75D1BE8C" w14:textId="2D3E465F" w:rsidR="009F1CC8" w:rsidRDefault="009F1CC8" w:rsidP="009F1CC8">
            <w:pPr>
              <w:rPr>
                <w:rFonts w:hint="eastAsia"/>
              </w:rPr>
            </w:pPr>
            <w:r w:rsidRPr="00910B4C">
              <w:t>\F1\DD\D6\95\1Cna\9F\EDQ\C27\C4\DBVM\EB\847\07p\93\9A\00\FA\FF\00\F6$\FD\9A?\E1\13\F8\FB\F1\F3\E2\EE\B7a\E2\0D\1B\C4\9A\97\8C\F5\FD\1A\C6\D7P\87\C8\B3\BA\D2\A4\BA\82\EA;\B8\95\E3\0E\FB\9DHY\15\CA\15\07\03#5\F6\AD~Z\FC\03\F8\DD}\F0\D7J\F8-\E2;\7F\1F|H\D6\FCm\E3\9F\10h\BE\16\D6&lt;!\F1gYk\88_O\BDX\E4\9FY\D2\AD\03\AC\86\03*yP]9e\C1\95J\92k\F5*\80\0A(\A2\80\0A\F1O\DA\AB\C0?\0B&lt;}\E1_\08\FF\00\C2\DD\F1\1E\9F\E1\CF\0D\E8\BE&amp;\B3\D6m\FF\00\B5\AF\ADml\EF\EE\A1\8Em\B6\93\FD\A5JK\13\A3K\BA1\86eS\C8\00\D7\B5\D7\CD_\B7\A5\97\82?\E1U\F8g[\F8\85\E1O\18x\C7\C3~\1A\F15\AE\BD6\9D\E1\0D:\0B\EF\F8\F7\82\E1\D9\AF\A3\9B\E4\FB\0E\CF1e$\8F\BC\A3 \13@\1F:\FE\D0?\07~\1D~\D1\1E\01k\7F\81\FA_\81\FE\08x\DB\C2&gt; \FF\00\84\81u\EDR\DE\DB\C3\F3^h\B6\B1H\06\B1e=\A2&lt;\92i\EF,\B0\BCw_,d\C2NAQ\9F\15\F8\A9\F0\AF\C5^\07\F8/\A4|p\F0\E6\AF\F1c\E2\17\8D\B4}N\1F\0E\F8\95\BCUs.\A7</w:t>
            </w:r>
            <w:r w:rsidRPr="00910B4C">
              <w:lastRenderedPageBreak/>
              <w:t>\A0\EB\9A,V\CFyw&lt;%\14Is\A0\CF*\AE\D7\96A\1C\91\BBnPNk\D7\FF\00f?\00\F8#\F6\82\F1W\C5\8F\8B\BA'\88\FCA\A3|\12\D4\BC\19\ABx\0E\FA\D7\C5\F7\D0Ay\A0y\92Eu$v*\8A\F6\F6\BAl\16\B2\81\12\B3\9F-\83e6\8C\D7\15\E3i,l\FC\03\17\C0\FD\03\E2O\8E \F0O\8851\E1\DF\0A.\B7\AE\AA\EB\DA\96\A1&lt;Mge8\09\FB\B9|\1F$[~x\A3,\D2gj\91\C5\00v\BF\B2\1F\885\CF\16~\CB?\1A\B5\BF\84Zo\F6?\86\F5-\1B[\BD\B8\D3\AC\A0\92\0Db\D7\C6\92X\C2\ED\16\91\1D\B1(\9Aj\A3D\B6\EAI\B8\0E\00\CE\00\AF\90&gt;\01~\CF\7F\B4_\FC%_\11\FCO\FF\00\0A\D3P\FF\00\84\93\FE\11\9DKR\FE\D8\F1\F6\83\A8\FD\B3\ED^dr}\A3L\9B\CB\DF\FD\AF\BF\E7\85\F3\BBv\F3\9C\D7\D2\BF\B3\AF\C5\EF\DA/\E1G\8A\B5\CF\80\FA'\82\BE\0F\FC:\FF\00\84/F\9FW\BE\D7&lt;M\A5j:]\9E\ABkg$Vrj\8D::\F9\DEn\C0\E6\E1\A3UuF$\8D\B8\AFU\F1\04?\14\FE\14\FC\02\D3~!|B\F8\CF\E1\FF\00\F9)\B1\F8\FEi\F4?\14\DD}\8FU\D0&gt;\CAgm\13Mi\B6\F9\DEn\C9\0C6\85\BC\A7]\BF?S@\1Eis\ABxW\F6w\F8/\A0\FC5\D7\EF?h\88&lt;m\E2\0D2\DF\E2\F7\8A\F5o\02\CB\12\EAVr\CFm\F6{\D4\BB\95\CAI\1C\09,L\D2\09T\90\DB\0BHO\03\9F\FD\8D\EF|q\FBJ\7F\C2\7F\A2h\9E+\F0\7F\88\FC7\AD^\EA\1A\0D\F6\A3\F1\17Q\9E\EB\E2&lt;&gt;\15\9B\C8I\16\DED\DE\8B\10IC ``\17M! \83\CF\D0\1F\0C\FF\00h\AF\F8m/\8A\90k\7F\0Bt?\85\FF\00\F0\8D\FD\89t\1F\15i\DF\11m?\E2\B0\B9\D2\BC\F4{\D5\B7\8E\DEIQ\ECY.#T\12\9D\86\7F00\C63\F3\FD\C7\EC\AD\A1\F8\07\C5_\B4\97\89\FC1\E2\EF\18xs\C4\9A-\97\89&lt;A\A5\EB\1F\0A\B5$\B5\F0\DD\85\AC2y\90\E8W\93G\10x\AF\91\D5^K5!V%\8C\82\08\A0\0E\83\E0\C7\C0\BF\15~\CE\FA\AF\C5?\08\FC5\F1F\8F\E2\AD6\19\B5Y5)|o\A8Ky\F0\FA\CFE\0C\91Km\A8\98\11\04z\F2,Q\F9\D1\B0\F2\C5\B3&gt;z\80=\AFI\F8;}\E0\FD*\CE\DFS\D2\ED\FC}\E0\9F\8A~\1FO\0C]k\DE\08\B7mKR\F0\FC\BA\9A\80\F0\E9\D3\B</w:t>
            </w:r>
            <w:r w:rsidRPr="00910B4C">
              <w:lastRenderedPageBreak/>
              <w:t>2\08\ED|1o\12\97\85N\F3\1B:\12\AC\0DZ\F83\E3\EF\F8D\FC+\F0\8B\C3\17~\1C\F0\FF\00\8B|7\F1\1B\C1\9AE\D7\88t}\1A\C7\ED\BE$\BA\D5u\08\D2;\ADkU\84\B0G\D3Y\14\A4\F7r\07s+\00\DB\81\AF\9Dd\F8\C5}y\A5|I\F84\9A\A7\C5\8F\0A\EAS|`\D4\BC?\E0o\14xV\E1\AC\F4\1D6R\BFe\D3\B4y\AE\B7\E6+H\DB\F7\8Dk\02ecUd\1Cb\805~=\\\D8\DE~\D7\9F\B3\87\C1\AF\86\BA\0E\8F\E3\8D7\E1\DC\DE\1B\93R\F1F\97f\BA\86\BD\A6\C5a\A8Ik-\B5\ED\D4\1CE\04k\E5\C9$l\88\16G\0Cv\E4\0A\FDJ\AF\CC\0F\D8\A7\F6u\F1\C7\EC\B3\F1\F7U\F8\85\E2}sO\F8\BD\FF\00\09\15\EC\BE\08\D5'\F0\0D\DC\FA\DD\E6\99\AA\DC]A&lt;\D7\1A\9BI\1C~LQ\F9,f\91\98\BA\B4\A9\95;\B2?O\E8\00\A2\8A(\00\AF4\FD\A0|\13\E2\AF\89^\01o\08\F8r]\1E\0D7\C4\13\7Fex\96]Q\A5Y\93E\9E)""\BBk""\8A\C0]\85u\F2\CC\A0\C7\9C\EE\07\A5z]|\AB\FF\00\05\07\BD\D7?\E1\15\F89\A2h\9E+\F1\07\83\BF\E1%\F8\9B\A3h7\DA\8F\86u\19,o&gt;\CBq\1D\CAH\AB""~\0C\03\02\BB\95I\07\14\01\E5^9\F8\0F\AEx\93\E0\17\C4O\87\BF\0F|?\E2\0F\87_\0D\BC\17\A3j6p\C1\A7\D9</w:t>
            </w:r>
          </w:p>
        </w:tc>
      </w:tr>
      <w:tr w:rsidR="009F1CC8" w14:paraId="3646E204" w14:textId="77777777" w:rsidTr="009F1CC8">
        <w:tc>
          <w:tcPr>
            <w:tcW w:w="1418" w:type="dxa"/>
          </w:tcPr>
          <w:p w14:paraId="526B978F" w14:textId="3C3BD02D" w:rsidR="009F1CC8" w:rsidRDefault="009F1CC8" w:rsidP="009F1CC8">
            <w:pPr>
              <w:rPr>
                <w:rFonts w:hint="eastAsia"/>
              </w:rPr>
            </w:pPr>
            <w:r w:rsidRPr="00247E8E">
              <w:lastRenderedPageBreak/>
              <w:t>2022/07/14 09:57:57</w:t>
            </w:r>
          </w:p>
        </w:tc>
        <w:tc>
          <w:tcPr>
            <w:tcW w:w="1560" w:type="dxa"/>
            <w:vAlign w:val="center"/>
          </w:tcPr>
          <w:p w14:paraId="04A226EA" w14:textId="01798D0B"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5BBB89F1" w14:textId="2F248822" w:rsidR="009F1CC8" w:rsidRDefault="009F1CC8" w:rsidP="009F1CC8">
            <w:pPr>
              <w:rPr>
                <w:rFonts w:hint="eastAsia"/>
              </w:rPr>
            </w:pPr>
            <w:r>
              <w:rPr>
                <w:rFonts w:ascii="等线" w:eastAsia="等线" w:hAnsi="等线" w:hint="eastAsia"/>
                <w:color w:val="000000"/>
                <w:sz w:val="22"/>
              </w:rPr>
              <w:t>1890</w:t>
            </w:r>
          </w:p>
        </w:tc>
        <w:tc>
          <w:tcPr>
            <w:tcW w:w="1418" w:type="dxa"/>
            <w:vAlign w:val="center"/>
          </w:tcPr>
          <w:p w14:paraId="44A7BF76" w14:textId="27874F7B"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7268F4B2" w14:textId="0D00D979" w:rsidR="009F1CC8" w:rsidRDefault="009F1CC8" w:rsidP="009F1CC8">
            <w:pPr>
              <w:rPr>
                <w:rFonts w:hint="eastAsia"/>
              </w:rPr>
            </w:pPr>
            <w:r>
              <w:rPr>
                <w:rFonts w:ascii="等线" w:eastAsia="等线" w:hAnsi="等线" w:hint="eastAsia"/>
                <w:color w:val="000000"/>
                <w:sz w:val="22"/>
              </w:rPr>
              <w:t>80</w:t>
            </w:r>
          </w:p>
        </w:tc>
        <w:tc>
          <w:tcPr>
            <w:tcW w:w="4252" w:type="dxa"/>
          </w:tcPr>
          <w:p w14:paraId="3F8040E8" w14:textId="491E86AC" w:rsidR="009F1CC8" w:rsidRDefault="009F1CC8" w:rsidP="009F1CC8">
            <w:pPr>
              <w:rPr>
                <w:rFonts w:hint="eastAsia"/>
              </w:rPr>
            </w:pPr>
            <w:r w:rsidRPr="00910B4C">
              <w:t xml:space="preserve">\F3\09\CE\CB\D9\C7\9Bt\B5\D1\A5\EE\ED\BBZ/\F3g\9A\FC3\D7\BCE\E2\1F\15x^m_W\F1+:\DE^G47\F7zz\C38X\EE\15CCi\8Cc`o\9C`\B0\C8\E9^\83\F1\BB\C7Z\97\81|+-\ED\8D\AE\A5\12)M\DA\A5\9C\16\B3\C7\0B;\88\D1\1D%\99\1B\E6wO\99U\80\19'\15\CB|?\F0U\CF\84\F5\AF\05\D8'\82\E3\D1\8Cm\7Fwy\7F\A7\C5\08\B7R|\D5X\9D\93\0D\9CH\9Br0W&lt;\82\08\AE\D7\E2\F7\C3\FDK\E2w\85\E6\F0\F5\BE\A7a\A7i\D7[M\D7\DA\EC$\B9v)""H\9Bv\CD\18\03)\F3\03\9C\83\DA\A2*^\CD\AE\A7\A5\8A\AB\84y\A5\19\CDER\EBe\A5\B9\E5}#}m\B2\D7\A5\D5\8F\9E~\0B\F8\EB\C6Rx\DA\1D3M\BA\BF\D4\BE\D8\AF}&amp;\97\AAJ\D6Vix\CAd\BBc \D3\D9\84L\D3#G\1A\9E1\92r\F8\AF\AF\D7;F\E0\03c\90\0EE|\F3\F0\87\E0.\B7\A1\DDI\AC\DC\EBw\1An\A3k\A9_[\DA\86\86f\FF\00D\13\B2\02\A9-\C4\88\16TEl\95,T\A1\C9 </w:t>
            </w:r>
            <w:r w:rsidRPr="00910B4C">
              <w:lastRenderedPageBreak/>
              <w:t>5}\0FN\8A\92\8F\BCc\C4\95\F0\95\F1i\E1-d\AC\DAM]\FE_5\AE\F7\E8e\F8\A3\C4V^\11\F0\F6\A1\AC\EA\12yVv0\B4\D27r\00\E8=\C9\C0\1E\E4W\13\F0\1FA\BC\B3\F0\9D\CE\BD\ABFc\D6\BCIt\FA\AD\CA\B7X\D5\FF\00\D5G\FF\00\01@?3X:\D4\C7\E3\AF\8E#\D1-\0F\99\E0m\06\E1e\D4\AE\97\EE_\DD\A1\CA\DB\A9\FE$S\CBv\CF\E1^\CE\AA\15@\03\00p\00\AD\17\BC\EF\D8\F1\EA\AF\AA\E1\FD\8B\F8\E7f\FC\97E\EA\F7\7F!j\BE\A1\A7\DBj\963\D9\DEA\1D\CD\AC\E8c\96\19\17r\BA\91\82\08\AB\14V\87\96\9BN\E8\F1EMw\F6}\95\92\18.\BCG\F0\E8\BE\E0\91\E6K\BD \13\C8\03\AC\91\0F\CC\7F?U\F0\CF\8A\B4\8F\18\E91jZ.\A1\06\A3e \E2X[8&gt;\84u\07\D8\F3Z\A7\9E\0F""\BC\D3\C4\1F\034\DB\8DR]k\C2\FA\85\DF\835\D99{\9D,\81\0C\C7\FE\9A\C2~V\FD+;8\ED\B1\EA\BA\D4q\9F\EF\0F\96\7F\CC\B6\7F\E2]\FC\D6\FDSz\9E\99Ey2\EB_\16\BC'\FB\BB\FD\07I\F1\AD\AA\F4\BA\D3.&gt;\C7pG\A9\8D\F2\A4\FD\08\ABP\FCl\BA\8D\8A\EA\1F\0F|cf}a\D3~\D2?8\C9\A7\CE\BA\99\BC\BE\B3\D6\9BR^R_\95\EF\F7\A3\D3\E8\AF2\B8\F8\DD#|\B6&gt;\01\F1\9D\E3\FA&gt;\90\D0\0F\CEB*\A4\9E,\F8\A5\E2rc\D1\FC\1Fc\E1\88\18\E3\ED\BA\F5\E0\95\C0\F5\10\C5\DF\EAh\E7]\01e\F5\B7\9D\A2\BC\E4\97\E1{\FD\C8\F4\DDWV\B2\D0\F4\F9\AF\B5\1B\B8l\AC\E1]\D2Op\E1\11G\B95\E47\9E&amp;\D7&gt;;I&amp;\97\E1cq\A1\F8,\9D\97\9E""u1\CDx\BF\C5\1D\B2\9E@=\0B\9F\C3\DFSO\F8\16\9A\C5\F4:\9F\8F5\BB\AF\19\DFF\DB\E3\B5\98yV0\B7\FB0/\07\EA\D9\AFR\86\18\ED\E2H\A2E\8E4\1BU\10`(\1D\80\A5\EFK}\11\A2\A9\87\C1\EBI\F3\CF\BD\BD\D5\E8\9E\AD\F9\BB/&amp;gxg\C3:o\83\F4;M#I\B5KK\1Bd\D9\1Ck\FA\92{\93\D4\9E\F5\A9E\15\A1\E5\CAR\9C\9C\A4\EE\D9\FF\D9\0Aendstream\0Aendobj\0A21 0 obj\0A&lt;&lt;\0A/</w:t>
            </w:r>
            <w:proofErr w:type="spellStart"/>
            <w:r w:rsidRPr="00910B4C">
              <w:t>BitsPerComponent</w:t>
            </w:r>
            <w:proofErr w:type="spellEnd"/>
            <w:r w:rsidRPr="00910B4C">
              <w:t xml:space="preserve"> 8\0A/</w:t>
            </w:r>
            <w:proofErr w:type="spellStart"/>
            <w:r w:rsidRPr="00910B4C">
              <w:t>ColorSpace</w:t>
            </w:r>
            <w:proofErr w:type="spellEnd"/>
            <w:r w:rsidRPr="00910B4C">
              <w:t xml:space="preserve"> /</w:t>
            </w:r>
            <w:proofErr w:type="spellStart"/>
            <w:r w:rsidRPr="00910B4C">
              <w:t>DeviceRGB</w:t>
            </w:r>
            <w:proofErr w:type="spellEnd"/>
            <w:r w:rsidRPr="00910B4C">
              <w:t>\0A/Filter /</w:t>
            </w:r>
            <w:proofErr w:type="spellStart"/>
            <w:r w:rsidRPr="00910B4C">
              <w:t>DCTDecode</w:t>
            </w:r>
            <w:proofErr w:type="spellEnd"/>
            <w:r w:rsidRPr="00910B4C">
              <w:t xml:space="preserve">\0A/Height 100\0A/Length 6282\0A/Subtype /Image\0A/Type </w:t>
            </w:r>
            <w:r w:rsidRPr="00910B4C">
              <w:lastRenderedPageBreak/>
              <w:t>/</w:t>
            </w:r>
            <w:proofErr w:type="spellStart"/>
            <w:r w:rsidRPr="00910B4C">
              <w:t>XObject</w:t>
            </w:r>
            <w:proofErr w:type="spellEnd"/>
            <w:r w:rsidRPr="00910B4C">
              <w:t>\0A/Width 100\0A&gt;&gt;\0Astream\0A\FF\D8\FF\E0\00\10JFIF\00\01\01\01\00`\00`\00\00\FF\DB\00C\00\03\02\02\03\02\02\03\03\03\03\04\03\03\04\05\08\05\05\04\04\05\0A\07\07\06\08\0C\0A\0C\0C\0B\0A\0B\0B\0D\0E\12\10\0D\0E\11\0E\0B\0B\10\16\10\11\13\14\15\15\15\0C\0F\17\18\16\14\18\12\14\15\14\FF\DB\00C\01\03\04\04\05\04\05\09\05\05\09\14\0D\0B\0D\14\14\14\14\14\14\14\14\14\14\14\14\14\14\14\14\14\14\14\14\14\14\14\14\14\14\14\14\14\14\14\14\14\14\14\14\14\14\14\14\14\14\14\14\14\14\14\14\14\14\FF\C0\00\11\08\00d\00d\03\01""\00\02\11\01\03\11\01\FF\C4\00\1F\00\00\01\05\01\01\01\01\01\01\00\00\00\00\00\00\00\00\01\02\03\04\05\06\07\08\09\0A\0B\FF\C4\00\B5\10\00\02\01\03\03\02\04\03\05\05\04\04\00\00\01}\01\02\03\00\04\11\05\12!1A\06\13Qa\07""q\142\81\91\A1\08#B\B1\C1\15R\D1\F0$3br\82\09\0A\16\17\18\19\1A%&amp;'()*456789:CDEFGHIJSTUVWXYZcdefghijstuvwxyz\83\84\85\86\87\88\89\8A\92\93\94\95\96\97\98\99\9A\A2\A3\A4\A5\A6\A7\A8\A9\AA\B2\B3\B4\B5\B6\B7\B8\B9\BA\C2\C3\C4</w:t>
            </w:r>
          </w:p>
        </w:tc>
      </w:tr>
      <w:tr w:rsidR="009F1CC8" w14:paraId="5DAC80F9" w14:textId="77777777" w:rsidTr="009F1CC8">
        <w:tc>
          <w:tcPr>
            <w:tcW w:w="1418" w:type="dxa"/>
          </w:tcPr>
          <w:p w14:paraId="604180D7" w14:textId="7C3A5743" w:rsidR="009F1CC8" w:rsidRDefault="009F1CC8" w:rsidP="009F1CC8">
            <w:pPr>
              <w:rPr>
                <w:rFonts w:hint="eastAsia"/>
              </w:rPr>
            </w:pPr>
            <w:r w:rsidRPr="00247E8E">
              <w:lastRenderedPageBreak/>
              <w:t>2022/07/14 09:57:57</w:t>
            </w:r>
          </w:p>
        </w:tc>
        <w:tc>
          <w:tcPr>
            <w:tcW w:w="1560" w:type="dxa"/>
            <w:vAlign w:val="center"/>
          </w:tcPr>
          <w:p w14:paraId="4BF89B9C" w14:textId="74A3A021"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1B7691E8" w14:textId="4442F7C7" w:rsidR="009F1CC8" w:rsidRDefault="009F1CC8" w:rsidP="009F1CC8">
            <w:pPr>
              <w:rPr>
                <w:rFonts w:hint="eastAsia"/>
              </w:rPr>
            </w:pPr>
            <w:r>
              <w:rPr>
                <w:rFonts w:ascii="等线" w:eastAsia="等线" w:hAnsi="等线" w:hint="eastAsia"/>
                <w:color w:val="000000"/>
                <w:sz w:val="22"/>
              </w:rPr>
              <w:t>1890</w:t>
            </w:r>
          </w:p>
        </w:tc>
        <w:tc>
          <w:tcPr>
            <w:tcW w:w="1418" w:type="dxa"/>
            <w:vAlign w:val="center"/>
          </w:tcPr>
          <w:p w14:paraId="2EC829C7" w14:textId="5828712C"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4FF78F7C" w14:textId="228A83B2" w:rsidR="009F1CC8" w:rsidRDefault="009F1CC8" w:rsidP="009F1CC8">
            <w:pPr>
              <w:rPr>
                <w:rFonts w:hint="eastAsia"/>
              </w:rPr>
            </w:pPr>
            <w:r>
              <w:rPr>
                <w:rFonts w:ascii="等线" w:eastAsia="等线" w:hAnsi="等线" w:hint="eastAsia"/>
                <w:color w:val="000000"/>
                <w:sz w:val="22"/>
              </w:rPr>
              <w:t>80</w:t>
            </w:r>
          </w:p>
        </w:tc>
        <w:tc>
          <w:tcPr>
            <w:tcW w:w="4252" w:type="dxa"/>
          </w:tcPr>
          <w:p w14:paraId="674859DE" w14:textId="33215E5C" w:rsidR="009F1CC8" w:rsidRDefault="009F1CC8" w:rsidP="009F1CC8">
            <w:pPr>
              <w:rPr>
                <w:rFonts w:hint="eastAsia"/>
              </w:rPr>
            </w:pPr>
            <w:r w:rsidRPr="00910B4C">
              <w:t>{x\7F\F8\DF\DB\93T=\C4\C1q\14\8Ea\C8\D5\03\C7\89\82`\8B\00\07\07\07\07\07G\FF\C3\A9\F5\E9\11\FF\A2Q?\81F\9D\B2!\E1\B2H\DD\B3\AC\D2\99q\19\85\8B&amp;\9DF\D1\E9d\95N\A3\D7\E9X\86\E3\B4j\9E\\\F3\8D\AA\0F\00\07\07\C7\E9\02{\9E\F9\9F\ECIj\94\B7\1E\A8\E8\A2\9AJ\9C\D1\04z\13\A80\9F\95F\19{\0F\BE:\D0\A04j\D4Z\AD\0A\B4*\B3V\87\C2\A8\A8\BE\87\CF{\E8\98\A9\EFs\1A\C0d\8C\FF\BBw\8E\7F\C51L\B4\0C\C0q\A2 \DA\F3\80\83\83\83\83\83\A3\FF\E1\D4\FA\F4\88\DB\93\FA\09\B4\F4\C3v\0D\AE\89t:\B5N\CB6\9D\CA`\B5\E0\BAI\AB\D3k4z\BD\AC\D6k\0Dz=\C6+\DA\E3\B4jr{\12\07\07\C7I\83\AB\D8F\FF\E5~/\DB\8F\A2R\EB{\C0~/\89&amp;\9A-`\B0\B0\1F\BF\B6\D3(s\EF\C1W\0F:=n\8A\0E\B3\EBUVz\9C\A2Q\7F\0F\E33\1D3\0D}.\F</w:t>
            </w:r>
            <w:r w:rsidRPr="00910B4C">
              <w:lastRenderedPageBreak/>
              <w:t>A\B9=\89\E3\DF\E0\18\86\\\13p\9C(\88\AEb\E0\E0\E0\E0\E0\E0\E8\7F0\C2\A9\04\FEE\A3~\02\BD\86~0O\17E\06EO}t*SZ\1A\FD(\DC`\D4i\8DF\95b\D0\99\8CF\9DA\AF\D1\1F\E7\AA\E9\E4\9Ao\D4}\00888N\17x+\EC\F4'\AD{\D9\934j\C5\D8\03\15]TS\89\B3\DA\C0d\A3\FF\E2\0D\\4\CA\DA{\A9m\04\BD\117EoT\83AI\A3\C7i\B4\CA\F7`O\A2c\A6\A9\CFE?\931\FE\EF\DE9\FE\15\C70\E4Z\80\E3DA\F4V\00\07\07\07\07\07G\FF\83\19N%p{R?\81Ak\D0\1B\F4F\83\01WEF\03\DB\8Cj\B3\D3\81\EB&amp;\83\D1\AC\D7\99\CDj\8D\C9`1\9B\F4F\A3\D6p\9CV\CD\93k\BEQ\FA\00ppp\9C.\C8\18\E2\FC\9F\ECI\0A\1Df\A9a\C8f\07s\1Ahu\00\1E\1Ae\EB=\F8\9A\98=\C9\A01`v\A3\E2`\F6$\9D\F2=|\DEC\C7Ls\9F\D3\00&amp;c\A7\D6?\80\E5818\06{\92\0D8N\14\A4\8C!\C0\C1\C1\C1\C1\C1\D1\FFpj}z\C4\BFh\D4O`\D4\A6lHF\93I\CB|t\8A\D5M?\967\9A-\06\BD\C5\A2h\CCF\9B\C5l0\99t\C6\E3|'\FE\E4\9Ao\B8=\89\83\E3\B4\86?\E6F\19\E8\FDK1Z\94\B7\1Eh\E8\EF%Q\C3\90\DD\09V'\E80_:\8D\B2[{\9D\C3\0CF3nZ\93I\03f\8D\D3\84\C7\E9t\9A\EF\E1\DBB\D4\9Ed\E9s\1A\C0LI\FC\DF\BDs\FC+\8E\E1#\9C4\E08Q\90\FC1\E0\E0\E0\E0\E0\E0\E8\7F8\B5&gt;=\E2\F6\A4~\02\B3\CEd4\19\CDf\93\D9\A23\D3\B5\11:\8D\CD\EB\C5\A5\8B\C9b3\1Al6Ek5\A5\D9\AC&amp;\8BYo:\CE\B7\E4N\AE\F9F\D3\07\80\83\83\E3tA`\B8\E7_\EDI\96\1Eh\E80K\0DC\0E\17X]\CC\9E\94A\EDI\8E\DE\F6$\0B\98\98=\89\9A\9F,\1A7\B5C\E9\F4\9A\EF\E1\FDa:fZ\AD}\A5p{\12\C7\BF\C11\D8\93\EC\C0q\A2 \05\86\03\07\07\07\07\07G\FF\C3\A9\F5\E9\11\FF\E1\9A~\02\B3\1E\17G&amp;\8B\D9l\B1\E8,\E8\A3\B3h\D2\D2\A9=\C9l\B5\99\8C6\9BFg5\DBm6\8C\D7\9B\8F\F3-\B9\93k\BE\D1\F6\01\E0\E0\E08]\10\1E\9B\01\9A\A3\DE%\D2i\B4\B6\1E\B0\DF\DF\A6\86!\B7\17l\1E\D0a\BE\00\8Dr\F7\1E|m`\B6\E2\A6\B7bv\AB&amp;\C3f\B5\DA\F4F-X\E1\BB\06\B5'\A5\F59\0D`\BAzj\FD\03X\8E\13\83c\F8\08\C7\05\1C'\0Arx,pppppp\F4?8</w:t>
            </w:r>
            <w:r w:rsidRPr="00910B4C">
              <w:lastRenderedPageBreak/>
              <w:t>\E0T\02\B7'\F5\13X\0D\16\\\1C\D1EQ\9A\C1f\B1Y\D1\D94\0E\9F\0F\D7M\D64\BB\C5\EC\B0k\F5v\AB\CBn\B7\A4\D9\8C\D6\E3|K\EE\E4\9Aot}\00888N\17\E4M\09\A0\0C\F4\B6\8A\1Buz{\0F\F4tQM\0DC\E9\99\E0\CC\04\A3\19 \0C\E0\04\AF\B3\D79\EC`K\B3\DA\AD\06\BBC\0Fv}\C0\91f\B7\9B\CC\FA\EF\E1\F3\1E:f:\9D}\A5\B0\DF\02\E7\FF\EE\9D\E3_q\0C\1F\E1x\81\E3DA\CE\9B\02\1C\1C\1C\1C\1C\1C\FD\0Fn8\95\C0\7F\B8\A6\9F \CD\94fM\B3\D9\D3\D2\EC\0E\A3=\8Dmv\BD;+\04\E0Hs\B8lV\B7Kgp\A6y].\9B\C3aN;\CEw\E2O\AE\F9F\DF\07\80\83\83\E3tA\E1\8C,\94\81\DE\EF\12\99\F4\06g\0F\F4\F4\F7\B7\A9a\C8\17\00O\00L\98/\97F\F9&lt;\BD\CE\E1\04\BB3\CDa39\1Czp\E8\83\0E\87\D3a\B6\1A\BE\87\CF{\E8\98\E9\EA\F3%\12&amp;c\A7\D6?\80\E5818\86\8Fp2\80\E3DAU8\03888888\FA\1FN\ADO\8F\F8\0F\D7\F4\138\CC\8E4G\9A\13WE.\B3\D3\EEt\A0s\EA\D3\B3#\B8tq\B8\BDv\9B\D7\AB7y\1C\19^\8F\DD\E5\B28\C0y\\\17;\B9\E6\1BC\1F\00\0E\0E\8E\D3\05%s\B2Q\06z\BFKd1\18\DD=0\D2\DF\DF\A6&amp;\F3@\16x\B3\C0b\03\C8\A7Q\81\F4^\E7p\83\03\A5\D1ar\BB\F4\E0\D6\87]\1E\B7\DBb3}\0F\DF\16\A2\F6$o\9F\D3\00\A6\AB\DF</w:t>
            </w:r>
          </w:p>
        </w:tc>
      </w:tr>
      <w:tr w:rsidR="009F1CC8" w14:paraId="17E1C6B8" w14:textId="77777777" w:rsidTr="009F1CC8">
        <w:tc>
          <w:tcPr>
            <w:tcW w:w="1418" w:type="dxa"/>
          </w:tcPr>
          <w:p w14:paraId="4B3ECFD1" w14:textId="6384118D" w:rsidR="009F1CC8" w:rsidRDefault="009F1CC8" w:rsidP="009F1CC8">
            <w:pPr>
              <w:rPr>
                <w:rFonts w:hint="eastAsia"/>
              </w:rPr>
            </w:pPr>
            <w:r w:rsidRPr="00247E8E">
              <w:lastRenderedPageBreak/>
              <w:t>2022/07/14 09:57:57</w:t>
            </w:r>
          </w:p>
        </w:tc>
        <w:tc>
          <w:tcPr>
            <w:tcW w:w="1560" w:type="dxa"/>
            <w:vAlign w:val="center"/>
          </w:tcPr>
          <w:p w14:paraId="43B771A6" w14:textId="36EB0DEB"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6F8FB648" w14:textId="7281CA6F" w:rsidR="009F1CC8" w:rsidRDefault="009F1CC8" w:rsidP="009F1CC8">
            <w:pPr>
              <w:rPr>
                <w:rFonts w:hint="eastAsia"/>
              </w:rPr>
            </w:pPr>
            <w:r>
              <w:rPr>
                <w:rFonts w:ascii="等线" w:eastAsia="等线" w:hAnsi="等线" w:hint="eastAsia"/>
                <w:color w:val="000000"/>
                <w:sz w:val="22"/>
              </w:rPr>
              <w:t>1890</w:t>
            </w:r>
          </w:p>
        </w:tc>
        <w:tc>
          <w:tcPr>
            <w:tcW w:w="1418" w:type="dxa"/>
            <w:vAlign w:val="center"/>
          </w:tcPr>
          <w:p w14:paraId="7750E535" w14:textId="783FEAE6"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75762899" w14:textId="47236D05" w:rsidR="009F1CC8" w:rsidRDefault="009F1CC8" w:rsidP="009F1CC8">
            <w:pPr>
              <w:rPr>
                <w:rFonts w:hint="eastAsia"/>
              </w:rPr>
            </w:pPr>
            <w:r>
              <w:rPr>
                <w:rFonts w:ascii="等线" w:eastAsia="等线" w:hAnsi="等线" w:hint="eastAsia"/>
                <w:color w:val="000000"/>
                <w:sz w:val="22"/>
              </w:rPr>
              <w:t>80</w:t>
            </w:r>
          </w:p>
        </w:tc>
        <w:tc>
          <w:tcPr>
            <w:tcW w:w="4252" w:type="dxa"/>
          </w:tcPr>
          <w:p w14:paraId="510069A5" w14:textId="222DBC27" w:rsidR="009F1CC8" w:rsidRDefault="009F1CC8" w:rsidP="009F1CC8">
            <w:pPr>
              <w:rPr>
                <w:rFonts w:hint="eastAsia"/>
              </w:rPr>
            </w:pPr>
            <w:r w:rsidRPr="00910B4C">
              <w:t>}\C4\12\DE?B}b\BA\E1\8B\DDX\08K\B0\C3\1E\9C\D6\0D\DFB\9D\FAW\A9;\A1d\C37\80\A7\13\AA\0AjU\C3\825\C6wP\EBz\1F\D4\96\D6\1E,\EF'\E3\93&amp;gC\D13\AAOg\E3s(\C5\F5g\B6\00\9E\D9`U\05\7F\C1V&gt;\CCv2\80\1A\C0\10\BC\AA\F7)\B8\CA\87\19\BD\A8\FD\FE\E7\D9\88\F7\87\8AG5\95\87\A2\17\808\\\DE\96O\80S\04|\E4\E4\B6\1F\1B\A6\8A7\19#|\E4w\F77\87z\08&gt;\F1\95O\C2Yq\EC\F8dk\B0\E2\E7\94D&lt;\15\81\D5\04\DB\A1\99\1D\A7\C2\0C\8F\B2\FF\BD\C34\89\C9\1D\D3c\0E\DB\8F\BC\AA\FCG\F6\BF\BF\F9\A6\CE\1F9\1D\F0\E3&gt;\FA[\81+\1Fo\86\B5\92v\CD\1F\DF\D2\EE\ECy\BB\EE\C9\F4\81\A4\04\A5\\\E1\AC\9B}\96\CD\04\ED\01\8C:K!z\C4\D7B\05\7F\D4g)D\87\19\CB\DD\AA\96\9D.\</w:t>
            </w:r>
            <w:r w:rsidRPr="00910B4C">
              <w:lastRenderedPageBreak/>
              <w:t>A8\F8\06\8F\06\EF\D9\F5\1B \E9jU\EF\FD\F00*{\97\B9\E0\AEf\B8\C0\1BJM\C5p\E6:\1B\04\CC\9F\EE]\16~\CC\BB\EC\C7\BC&amp;&gt;ed&amp;\0Eb\CCr\C4FIj*\7F4^W\C0#\8A\81\8Do\83@\C8\12\F0`+\1E\F8\04{9KMe\81\8D\E6\EFH\F2\1F\1C\F0\A8t\B6\A9,&lt;\D5S\AC#[\982\D6+\F2\FA!\964ez-\F2\13\95C4W}\FED\C7a\F2\0BB\B3\C1\8A""\D1~\95\9E\CD\E5+\19\CA\14\C4\B5\E6\C63\FDM\FA\96\C8\E68\AE\FB\D4q\\\B6\B7A\8C\E3\12\B9\8E8.a\05\1E\C7\CD:\D8\C2\8B@\A3\B6\A4\948HJ\91\93U\C48.\C4""\D2\1A\91sZ\CB\838\EEH\1E\7FVb\E3\1F4n'\DE\B3\B3\F3""\98\1D\96\81\B3Xk\D4\BD\81U\1A1ja\EB\8B\E6\CE\11\A3\0E*\D3e\7F\02\E6\95\F3\B51\19\CFR\9D\99\FB`\\\A9\9F\19\E4\87\9E\19\9E\8AJ\16N\9A\99\7F\E4\99y3\1B\A5\DD\CC\\z\E8\99\F9\11\93\D5\99=\F49\F3yv\CFt3\F3G\A5\8E\047{\BFz\D6{\E8}\86.\92\8B\0B\B2\7F\1A\0F\BD\CF\A2\B9\DEw\11f\F6\D0\CF,\FAkI.\81\CF\F7\0F=\B3\CA\0D\C9\A2\19)\CC\CC&gt;\F2\CC\12\86\C2\1DfD\F43\0B\87\87\9EYe\90\14\B0\B4\930\B3\87\DE\8D\B92H\8A\A5\88\0C\F2\D0\CF,\FBkb\86\A0]\E8\BC\F5\EAr\BE&amp;f\08\EF\E0\87\D6\CF\8B\BB&amp;\1F\09O\E3\A1O\10\DA\E3\D9\1BS~5&gt;'\19n\C2\CC\B6\0F=3\CC/\CBx\CDY\98\D9\E1\A1g\86\0CRd&gt;wYg:\1Af3\147\F0\B7&lt;2\EBM)\97\05J\96t=\17\1Eyf\E8\CE+Q\F6\B7\84\F8\D03\AB\DCPR\C9\BF\9C\AE\07n\AE\0E\F4\8B\E9z\98\84\1B\8C3\D6\DF_\BB\F8H\12n0\80U\BD\05\CC\E6\99P\80\FFl//\83ti\9D\88U\\Z'\F15zi\9D-\B4\86K\EB\0C'\91k\01Jv\AExi\9D\88\A5K\EB\90\0B\9F^/g\97\D6q\B8Y\BE\0C3\10\B3Q\D4\C4\06m\D9\14\F4-Uz\A9\CB\17sF\83\EB\\~\DF\BE\99\AEE\D4\FD\01C\D8\94K""k\03\18BV\15\C0\B4\1E*\D4\B3\17\B9\81\EA\E2\DB\B8S\C0'\A1iT\E2/BF\D3,\CC\AE-\93#\CB\99\1C:\08\10\96\86\8D\0C(\91k\01\EA(YJ\99\1C""U\B3\ADQ\F8\04{\F9\89\CA\19)[Z\E7g\94\E1\A1&lt;\93\A3a\94\D5\\\DD\F8\81\D4\DD?R\F4\FA\B3\B0V\F6""k\81\05]\</w:t>
            </w:r>
            <w:r w:rsidRPr="00910B4C">
              <w:lastRenderedPageBreak/>
              <w:t>AC\85gL&amp;\03\A7\8C\0C\96\E5\E2@\17\B9\16\A0^d-\99\CDH\D1k\BA5\0A\9F`/?Q9c'2\CEH\AE\92\B5\D0\D66\17\BB\F5!tL\F0\8B\D2\DE\00\AExUu\FA\82P\D5\E1\8B\EF\A9}#ls\FE\EC:f0D1\A0l\9D%\17\C1\9D\B9E&amp;AeFv0F\04J\E4Z\802\DD\8F&lt;z\89\C5\09[\D3\ADQ\F8\04{\F9\89\CA9+\E7\B0&amp;\D7\C9\D6u}b\8E\D8\A2`]\C7\FC\D0\8D\AF\F0\D41/\FF\F8@\C12\CAZ\C18]\AC\85gL&amp;\03e\06'\ADI\C7\80&amp;u@e\CBXf3ru\8Bn\8D\C2'\D8\CBY\AD:\C6Nd\9C\91\\%k\05g6\0E\A2q\F0 :f\80X\01[\C9\8Fi\F7\95*_\EC\C1\1F_\9FWCe""L\CA\8Cm&lt;\B62\BF(3\B6\E3 \98\13\B5\05s\E2 \98#\13$\BD\C3*\1B\DBq\10\CE\89\83p\0E\19g$\D7I\84u}\8A\CD\06D\17\E1\AF\D0^%\E7Mq\95\E9\05\E2\F4[U\F5\D3\EA\CAU\A8~J\CE\\U\A5u\E6\97F\E3\EB\14\12v(\E9V\FB\00\AA*\9CD\EBF\1B\C3&lt;H3\95X\B5\98\A9\17:\C8J\01W\07\12y\8F\E7\85\E9\92\0D\82\FC\C4\E4\960\17\19f \A6\A3h\E1\B9\E8\E6\F4`ogU\EAR\005\C3\EB\8B)[\F3Ju)u\B7Fc\C4\DB\0F`\9C\EB\A6\F0kPuLxq\05\BF\EF\9F\912\AA\8E9^s\FF\85g\A1\94-\8A\19.\AF6n.\F9\C6\F2\FAa\A4R\D1\14\92\89C\C2\99H\C6\DC(\EAC\C8\D4Y\99\AA\179\A7j\00\91\93\07b:\8A\16\AAF\16\A8\AF2\03\15^\D9\80\8Fx\93\EDl\9A\A7\E3</w:t>
            </w:r>
          </w:p>
        </w:tc>
      </w:tr>
      <w:tr w:rsidR="009F1CC8" w14:paraId="75E705F5" w14:textId="77777777" w:rsidTr="009F1CC8">
        <w:tc>
          <w:tcPr>
            <w:tcW w:w="1418" w:type="dxa"/>
          </w:tcPr>
          <w:p w14:paraId="6CDDB182" w14:textId="56744220" w:rsidR="009F1CC8" w:rsidRDefault="009F1CC8" w:rsidP="009F1CC8">
            <w:pPr>
              <w:rPr>
                <w:rFonts w:hint="eastAsia"/>
              </w:rPr>
            </w:pPr>
            <w:r w:rsidRPr="00247E8E">
              <w:lastRenderedPageBreak/>
              <w:t>2022/07/14 09:58:05</w:t>
            </w:r>
          </w:p>
        </w:tc>
        <w:tc>
          <w:tcPr>
            <w:tcW w:w="1560" w:type="dxa"/>
            <w:vAlign w:val="center"/>
          </w:tcPr>
          <w:p w14:paraId="0FEFB09B" w14:textId="351A2F36" w:rsidR="009F1CC8" w:rsidRDefault="009F1CC8" w:rsidP="009F1CC8">
            <w:pPr>
              <w:rPr>
                <w:rFonts w:hint="eastAsia"/>
              </w:rPr>
            </w:pPr>
            <w:r>
              <w:rPr>
                <w:rFonts w:ascii="等线" w:eastAsia="等线" w:hAnsi="等线" w:hint="eastAsia"/>
                <w:color w:val="000000"/>
                <w:sz w:val="22"/>
              </w:rPr>
              <w:t>51.210.22.64</w:t>
            </w:r>
          </w:p>
        </w:tc>
        <w:tc>
          <w:tcPr>
            <w:tcW w:w="850" w:type="dxa"/>
            <w:vAlign w:val="center"/>
          </w:tcPr>
          <w:p w14:paraId="7956DED5" w14:textId="4891EEA7" w:rsidR="009F1CC8" w:rsidRDefault="009F1CC8" w:rsidP="009F1CC8">
            <w:pPr>
              <w:rPr>
                <w:rFonts w:hint="eastAsia"/>
              </w:rPr>
            </w:pPr>
            <w:r>
              <w:rPr>
                <w:rFonts w:ascii="等线" w:eastAsia="等线" w:hAnsi="等线" w:hint="eastAsia"/>
                <w:color w:val="000000"/>
                <w:sz w:val="22"/>
              </w:rPr>
              <w:t>80</w:t>
            </w:r>
          </w:p>
        </w:tc>
        <w:tc>
          <w:tcPr>
            <w:tcW w:w="1418" w:type="dxa"/>
            <w:vAlign w:val="center"/>
          </w:tcPr>
          <w:p w14:paraId="14AF77E2" w14:textId="217D53D0" w:rsidR="009F1CC8" w:rsidRDefault="009F1CC8" w:rsidP="009F1CC8">
            <w:pPr>
              <w:rPr>
                <w:rFonts w:hint="eastAsia"/>
              </w:rPr>
            </w:pPr>
            <w:r>
              <w:rPr>
                <w:rFonts w:ascii="等线" w:eastAsia="等线" w:hAnsi="等线" w:hint="eastAsia"/>
                <w:color w:val="000000"/>
                <w:sz w:val="22"/>
              </w:rPr>
              <w:t>61.139.20.110</w:t>
            </w:r>
          </w:p>
        </w:tc>
        <w:tc>
          <w:tcPr>
            <w:tcW w:w="1134" w:type="dxa"/>
            <w:vAlign w:val="center"/>
          </w:tcPr>
          <w:p w14:paraId="2A96DF29" w14:textId="60050F8D" w:rsidR="009F1CC8" w:rsidRDefault="009F1CC8" w:rsidP="009F1CC8">
            <w:pPr>
              <w:rPr>
                <w:rFonts w:hint="eastAsia"/>
              </w:rPr>
            </w:pPr>
            <w:r>
              <w:rPr>
                <w:rFonts w:ascii="等线" w:eastAsia="等线" w:hAnsi="等线" w:hint="eastAsia"/>
                <w:color w:val="000000"/>
                <w:sz w:val="22"/>
              </w:rPr>
              <w:t>1939</w:t>
            </w:r>
          </w:p>
        </w:tc>
        <w:tc>
          <w:tcPr>
            <w:tcW w:w="4252" w:type="dxa"/>
          </w:tcPr>
          <w:p w14:paraId="78FBFB5D" w14:textId="4F97D7A5" w:rsidR="009F1CC8" w:rsidRDefault="009F1CC8" w:rsidP="009F1CC8">
            <w:pPr>
              <w:rPr>
                <w:rFonts w:hint="eastAsia"/>
              </w:rPr>
            </w:pPr>
            <w:r w:rsidRPr="00910B4C">
              <w:t>HTTP/1.1 200 OK\0D\0ADate: Thu, 14 Jul 2022 01:58:04 GMT\0D\0AServer: Apache/2.4.52 (Ubuntu)\0D\0AContent-Length: 1\0D\0AKeep-Alive: timeout=5, max=100\0D\0AConnection: Keep-Alive\0D\0AContent-Type: text/html; charset=utf-8\0D\0A\0D\0A\0A</w:t>
            </w:r>
          </w:p>
        </w:tc>
      </w:tr>
      <w:tr w:rsidR="009F1CC8" w14:paraId="1334A112" w14:textId="77777777" w:rsidTr="009F1CC8">
        <w:tc>
          <w:tcPr>
            <w:tcW w:w="1418" w:type="dxa"/>
          </w:tcPr>
          <w:p w14:paraId="30FD31E8" w14:textId="067FA1F2" w:rsidR="009F1CC8" w:rsidRDefault="009F1CC8" w:rsidP="009F1CC8">
            <w:pPr>
              <w:rPr>
                <w:rFonts w:hint="eastAsia"/>
              </w:rPr>
            </w:pPr>
            <w:r w:rsidRPr="00247E8E">
              <w:t>2022/07/14 09:58:05</w:t>
            </w:r>
          </w:p>
        </w:tc>
        <w:tc>
          <w:tcPr>
            <w:tcW w:w="1560" w:type="dxa"/>
            <w:vAlign w:val="center"/>
          </w:tcPr>
          <w:p w14:paraId="7C705623" w14:textId="3D328EE1"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7CA57A24" w14:textId="57A034D7"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734BB9FA" w14:textId="3817F38C"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3B2A923F" w14:textId="09E71ABA" w:rsidR="009F1CC8" w:rsidRDefault="009F1CC8" w:rsidP="009F1CC8">
            <w:pPr>
              <w:rPr>
                <w:rFonts w:hint="eastAsia"/>
              </w:rPr>
            </w:pPr>
            <w:r>
              <w:rPr>
                <w:rFonts w:ascii="等线" w:eastAsia="等线" w:hAnsi="等线" w:hint="eastAsia"/>
                <w:color w:val="000000"/>
                <w:sz w:val="22"/>
              </w:rPr>
              <w:t>80</w:t>
            </w:r>
          </w:p>
        </w:tc>
        <w:tc>
          <w:tcPr>
            <w:tcW w:w="4252" w:type="dxa"/>
          </w:tcPr>
          <w:p w14:paraId="6B39606A" w14:textId="0F38A69E" w:rsidR="009F1CC8" w:rsidRDefault="009F1CC8" w:rsidP="009F1CC8">
            <w:pPr>
              <w:rPr>
                <w:rFonts w:hint="eastAsia"/>
              </w:rPr>
            </w:pPr>
            <w:r w:rsidRPr="00910B4C">
              <w:t xml:space="preserve"> /</w:t>
            </w:r>
            <w:proofErr w:type="spellStart"/>
            <w:r w:rsidRPr="00910B4C">
              <w:t>CMapType</w:t>
            </w:r>
            <w:proofErr w:type="spellEnd"/>
            <w:r w:rsidRPr="00910B4C">
              <w:t xml:space="preserve"> 2 def 1 </w:t>
            </w:r>
            <w:proofErr w:type="spellStart"/>
            <w:r w:rsidRPr="00910B4C">
              <w:t>begincodespacerange</w:t>
            </w:r>
            <w:proofErr w:type="spellEnd"/>
            <w:r w:rsidRPr="00910B4C">
              <w:t xml:space="preserve"> &lt;0000&gt; &lt;FFFF&gt; </w:t>
            </w:r>
            <w:proofErr w:type="spellStart"/>
            <w:r w:rsidRPr="00910B4C">
              <w:t>endcodespacerange</w:t>
            </w:r>
            <w:proofErr w:type="spellEnd"/>
            <w:r w:rsidRPr="00910B4C">
              <w:t xml:space="preserve"> 100 </w:t>
            </w:r>
            <w:proofErr w:type="spellStart"/>
            <w:r w:rsidRPr="00910B4C">
              <w:t>beginbfchar</w:t>
            </w:r>
            <w:proofErr w:type="spellEnd"/>
            <w:r w:rsidRPr="00910B4C">
              <w:t xml:space="preserve"> &lt;0003&gt; &lt;0020&gt; &lt;000B&gt; &lt;0028&gt; &lt;000C&gt; &lt;0029&gt; &lt;000D&gt; &lt;002A&gt; &lt;000E&gt; &lt;002B&gt; &lt;000F&gt; &lt;002C&gt; &lt;0010&gt; &lt;002D&gt; &lt;0011&gt; &lt;002E&gt; &lt;0012&gt; &lt;002F&gt; &lt;0013&gt; &lt;0030&gt; &lt;0014&gt; &lt;0031&gt; &lt;0015&gt; &lt;0032&gt; &lt;0016&gt; &lt;0033&gt; &lt;0017&gt; &lt;0034&gt; </w:t>
            </w:r>
            <w:r w:rsidRPr="00910B4C">
              <w:lastRenderedPageBreak/>
              <w:t xml:space="preserve">&lt;0018&gt; &lt;0035&gt; &lt;0019&gt; &lt;0036&gt; &lt;001A&gt; &lt;0037&gt; &lt;001B&gt; &lt;0038&gt; &lt;001C&gt; &lt;0039&gt; &lt;001D&gt; &lt;003A&gt; &lt;0020&gt; &lt;003D&gt; &lt;0024&gt; &lt;0041&gt; &lt;0025&gt; &lt;0042&gt; &lt;0026&gt; &lt;0043&gt; &lt;0027&gt; &lt;0044&gt; &lt;0028&gt; &lt;0045&gt; &lt;0029&gt; &lt;0046&gt; &lt;002A&gt; &lt;0047&gt; &lt;002B&gt; &lt;0048&gt; &lt;002C&gt; &lt;0049&gt; &lt;002D&gt; &lt;004A&gt; &lt;002E&gt; &lt;004B&gt; &lt;002F&gt; &lt;004C&gt; &lt;0030&gt; &lt;004D&gt; &lt;0031&gt; &lt;004E&gt; &lt;0032&gt; &lt;004F&gt; &lt;0033&gt; &lt;0050&gt; &lt;0034&gt; &lt;0051&gt; &lt;0035&gt; &lt;0052&gt; &lt;0036&gt; &lt;0053&gt; &lt;0037&gt; &lt;0054&gt; &lt;0038&gt; &lt;0055&gt; &lt;0039&gt; &lt;0056&gt; &lt;003A&gt; &lt;0057&gt; &lt;003B&gt; &lt;0058&gt; &lt;003C&gt; &lt;0059&gt; &lt;003D&gt; &lt;005A&gt; &lt;0044&gt; &lt;0061&gt; &lt;0045&gt; &lt;0062&gt; &lt;0046&gt; &lt;0063&gt; &lt;0047&gt; &lt;0064&gt; &lt;0048&gt; &lt;0065&gt; &lt;0049&gt; &lt;0066&gt; &lt;004B&gt; &lt;0068&gt; &lt;004C&gt; &lt;0069&gt; &lt;004D&gt; &lt;006A&gt; &lt;004E&gt; &lt;006B&gt; &lt;004F&gt; &lt;006C&gt; &lt;0050&gt; &lt;006D&gt; &lt;0051&gt; &lt;006E&gt; &lt;0052&gt; &lt;006F&gt; &lt;0053&gt; &lt;0070&gt; &lt;0054&gt; &lt;0071&gt; &lt;0055&gt; &lt;0072&gt; &lt;0056&gt; &lt;0073&gt; &lt;0057&gt; &lt;0074&gt; &lt;0058&gt; &lt;0075&gt; &lt;005A&gt; &lt;0077&gt; &lt;005B&gt; &lt;0078&gt; &lt;005C&gt; &lt;0079&gt; &lt;005D&gt; &lt;007A&gt; &lt;01C4&gt; &lt;3002&gt; &lt;02C4&gt; &lt;FF08&gt; &lt;02C5&gt; &lt;FF09&gt; &lt;02D6&gt; &lt;FF1A&gt; &lt;031E&gt; &lt;FFE5&gt; &lt;03D4&gt; &lt;00A0&gt; &lt;0437&gt; &lt;4E07&gt; &lt;043A&gt; &lt;4E0A&gt; &lt;043D&gt; &lt;4E0D&gt; &lt;044A&gt; &lt;4E1A&gt; &lt;045D&gt; &lt;4E2D&gt; &lt;046A&gt; &lt;4E3A&gt; &lt;04D4&gt; &lt;4EA4&gt; &lt;04D7&gt; &lt;4EA7&gt; &lt;04EA&gt; &lt;4EBA&gt; &lt;0508&gt; &lt;4ED8&gt; &lt;050F&gt; &lt;4EDF&gt; &lt;0514&gt; &lt;4EE4&gt; &lt;0515&gt; &lt;4EE5&gt; &lt;051A&gt; &lt;4EEA&gt; &lt;0526&gt; &lt;4EF6&gt; &lt;052B&gt; &lt;4EFB&gt; &lt;052D&gt; &lt;4EFD&gt; &lt;053D&gt; &lt;4F0D&gt; &lt;058C&gt; &lt;4F5C&gt; &lt;05A0&gt; &lt;4F70&gt; &lt;05CD&gt; </w:t>
            </w:r>
          </w:p>
        </w:tc>
      </w:tr>
      <w:tr w:rsidR="009F1CC8" w14:paraId="73705CBA" w14:textId="77777777" w:rsidTr="009F1CC8">
        <w:tc>
          <w:tcPr>
            <w:tcW w:w="1418" w:type="dxa"/>
          </w:tcPr>
          <w:p w14:paraId="0605862D" w14:textId="32741F95" w:rsidR="009F1CC8" w:rsidRDefault="009F1CC8" w:rsidP="009F1CC8">
            <w:pPr>
              <w:rPr>
                <w:rFonts w:hint="eastAsia"/>
              </w:rPr>
            </w:pPr>
            <w:r w:rsidRPr="00247E8E">
              <w:lastRenderedPageBreak/>
              <w:t>2022/07/14 09:58:05</w:t>
            </w:r>
          </w:p>
        </w:tc>
        <w:tc>
          <w:tcPr>
            <w:tcW w:w="1560" w:type="dxa"/>
            <w:vAlign w:val="center"/>
          </w:tcPr>
          <w:p w14:paraId="1CF91782" w14:textId="01F91562"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1B07A1AF" w14:textId="4BB612D6"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0ED266AE" w14:textId="22FD8B77"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38B9EC37" w14:textId="73DC180A" w:rsidR="009F1CC8" w:rsidRDefault="009F1CC8" w:rsidP="009F1CC8">
            <w:pPr>
              <w:rPr>
                <w:rFonts w:hint="eastAsia"/>
              </w:rPr>
            </w:pPr>
            <w:r>
              <w:rPr>
                <w:rFonts w:ascii="等线" w:eastAsia="等线" w:hAnsi="等线" w:hint="eastAsia"/>
                <w:color w:val="000000"/>
                <w:sz w:val="22"/>
              </w:rPr>
              <w:t>80</w:t>
            </w:r>
          </w:p>
        </w:tc>
        <w:tc>
          <w:tcPr>
            <w:tcW w:w="4252" w:type="dxa"/>
          </w:tcPr>
          <w:p w14:paraId="4FA7CD00" w14:textId="0B5CAE6E" w:rsidR="009F1CC8" w:rsidRDefault="009F1CC8" w:rsidP="009F1CC8">
            <w:pPr>
              <w:rPr>
                <w:rFonts w:hint="eastAsia"/>
              </w:rPr>
            </w:pPr>
            <w:r w:rsidRPr="00910B4C">
              <w:t>""\9AX\C1?7\19_\18\BCQ\F1\87\E2V\AB\AAj~\11\F0\7F\85\FE\01jZ\87\8Bei/,t\CB\CF\0D\F8\D94Y\19\D8\EA\DA\CB\C6X\8D(3\A1\B8\B9\C9\8F\CF\84\1F\E0\15\EA\BF\B3g\8D\AF\BC3\A5x\EA\DF\E2T_\0D\FC+\A9M\E1\FB\FD\0BM\D7\BC\10\ADg\F1\07\C6\B2\95\88E\AAi\D3\CE\C0\EA\0Bz\C2G\86\E1y\9E\E5P\81\C1\A0\0FJ\F8\D5\FD\87\ADxV\D7\C6\DF\0E\7F\B4,|7\E3\FB\D4\F0o\C4\BF\0E[l\8E\CF\C3\96\B7\D1\C96\AF\AA\EA\16\F0e-</w:t>
            </w:r>
            <w:r w:rsidRPr="00910B4C">
              <w:lastRenderedPageBreak/>
              <w:t xml:space="preserve">5{t1\C7-\CD\CB2\C4\A3l\8A\C3\06\AAx_\F6\81\BE\D7\B5_\18~\CF\FE\05k\8F\05\F8'\C3\1F\07\EF\1BB\F1\CF\8A\8BXM&lt;\B6\CC,\AD\B5ho\A1\90\C6\DA{DRe\B9\8E5$\A3:\E0\00\B5\E1W\BF\07&gt;\16xO\FE\12\BDB\EF\F6\9C\F1\86\8D\F0\DBR\F0\CD\DE\B3\E2\1F\02M\E3\FBX&lt;au\AF\C9\F3]Z^X\94\10\BC\AD\0A\98d\8EBe3\8D\8Cv\8A\F3_\0Ei?\18\7Fh\8DW\C1\1F\12\BE\15Y[\CF\E0\9D\03S\B1\F8C\A7\E97\11^4\D7\9A,\0C.""}~+p\F1\C9h\F1K\12\DD\15a\19&lt;\08\C0\C1 \1F@|\11\F8o\E1_\0C\E9^\01\B7\F0\E7\C4\1B\7F\0A\FC[\97\E26\9F\AA\F8\97^\F1\A6\B5\15\9E\A5\E3]&lt;\ACb\EDt\89\D1D\FA\86\95{p\15\ED\C4\BF,\EC\AEX\EE\15\FAi_\96\B1\E9&gt;\15\FD\AC\BFk\CF\86\DAg\87,\AE&lt;3\F1o\E0\CC\DAm\B7\89l\D6(\AD&lt;*t\FD#P\DBw\1E\96\88$\9Fw\DA&amp;Q\02\CA#_%p\DB\18s\FA\95@\05\14Q@\05xW\ED\81\E1\7F\88\BA\F7\80|=\A9\FC5\F1\86\8F\E0\BDK\C3\1E \B7\F1\16\A5y\E2\1DN\E6\C3M\9FO\B6\8Af\96\0B\A7\80\12\D03\18\CB\A3\15R\A8\C4\B0\C0\AFu\AF\9A\BFoO\8Dz\E7\C1\7F\85~\19\FE\C4\B5\F0}\D7\FC%\9E&amp;\B5\F0\A5\F7\FC'\91\C8\FA&lt;v\B7P\\y\8Fs\B1\D7\11\0F,o-\B9B\17\CA\9A\00\F8\83\F6\81\93\C2\BA\F7\80[\C4~#\F8\93\A3\EA?\16\EF|A\BB\C3^\10\FD\9A\B5\D8\A5\D3g\D6\9E)$\B4\D5\AF-\1F3\B5\DB\\\16\8AK\98\8F\98T\DB\AA\FC\D5\DA\FC\07\F8\D7\A1\FC\17\FF\00\84\7F\FE\17E\AF\ED!u\FF\00\09e\95\BF\855\9F\F8[q\A3\F8&gt;;\AB\AF/\ED\0E&gt;\D4\EB\88\87\977/\B9\84\06\\\A9\E6\BC\AB\C4\1F\B3\AF\8E&lt;}\F1SM\F8\A5\F0\F7\\\FD\9B\EF\BCI\E0\0B(\F5\E8|\17\F0\92\EEy&gt;\DF\F6\19\CD\CA\B1\B2\862\F2\CA\EE\D1\C5\90\EB\BB1&amp;T\E0\D7\D3\F6\DA\E5\8F\8E?d=z\E3\E2\AF\C2O\8D\1E4\D4\BCO\E2\0B\88\F5\0D\06\FB\C3k\7F\A9hz\85\CE\9F\99nth.\096\DA|\0C\D2\A5\BC\8D\B9\A3g </w:t>
            </w:r>
            <w:r w:rsidRPr="00910B4C">
              <w:lastRenderedPageBreak/>
              <w:t>\E7&amp;\809_\88W6?\19?f\DF\12\F8G\E0~\83q\F13M\D5&gt;)\DC\F8Ee\F1\A5\9A\EA\DAo\86b\96\CD\A2\17\9AA\B4\DC,\F4\FBe\92\1F\B3\CB\82""Y\1F\E5;\80\AES\C1?\07|U\FB&amp;\FC\17\96\E3\C0:_\C6\8DGR\BD\F1\01\F0O\8C\F4\1B{ye\84D\F6\CAu\0D{@\82\14\8C\EE\DD\0A%\AD\EC\DC`\E1\D7\A68\AF\D9'M\F0G\84\FE&gt;\BF\F6'\8F&gt;0|!\F8%\E1\DC\CF}\FF\00\09\E6\B1\06\89gu\E2\AB{\A8|\CD6\E7`\16\EF\BA\D5F\FBv\C4\E5b|\E1V\BD\D7V\F1\ED\F7\8C?i+\CF\1Fx\8F\F6\8C\F0\BC\FE\09\F0\FC/'\86\BE\1F\FC\1F\F1\C36\A5\E2\09`\BC3\DA[\\\E9\EE\C6;\A9\EE""f\81\E3\89\81\91\BC\A4\\\0Eh\03\CD|}\FF\00$\AF\C3\9F\F0\84\FF\00\C2\C0\FF\00\85\93\FF\00\09\9D\B7\F6\E7\FC/\8F\F9\0C\7F\C2+\E47\DA?\B4\BC\AF\DF\7F\C27\E7l\F3\B7\FE\E3\7F\9D\BB\E6\C5w\FE\1F\D4\BE\16i\BF\0A\F5/\ED\BF\01\F8\C3\C7\7F\12n/d\82\C7\FE\11]\1E\D7Q\D64kV\80yz\97\85w\9F:\DF\C3\F0\CC\0F\D8n\17\E5Gu\C7\CCkZ\F6\F7\E1g\8F\BC+\E2\BDo[\F1_\88&gt;\15\FCI\BB\D6\AE\F5K\1D;\E3\8E\A3k\A3\DE_\DA\B4{\E3\D2&amp;\8D\F34\BE\1By\98\ABZ\A9\DA\CD\1C\C0\1D\CB\\V\AD\FBV\D8\E8:U\E7\875=o\E0\BE\9D\E3k/\0F\BA\DDx\BF\E1\95\DA\C5\0C\1E\10E1\BE\93\A3\DD\B4\A2E\D6VPe\B7\B6#\C8\00F\C7\9A\00\E2l\BFf\8D\0F\E1\7F\C5O\0A|]\F0\A5\86\9F\F1{\E1\B7\88\AFm4o\1E\DA\FCR\855\BDc\C2\F7W\13\FD\ABS\BB\D4\168\D6\1B9m\A1E\12\C9;\96\89\E5\93\CC\05X\1A\E5a\F8\A3\FBE\FC\17\FF\00\85\CF\E0\9F\82\FF\00\07\F5\0B\AF\86\DE,\F16\B5\A9h\DE""\D0\FC3\A8\BF\97ku\FB\9B{\8D6\E2\D5\96\11\10\868d\85\D1YFU\81+\81^\C1\A4\FC7\F0\AF\83\FE\0B\D9\F8\BB\E1/\C4\1F\1Cx\FB\C1?\14\F54\D0\BE \C5\E2\1Dj-J\1F\0F\E9\FA\9D\B0\97T\D5.\85\B2\88\EDu\0Bx\96-\F7\17\05\D60\ED\E6\06\04\1A\F5_\87\BF\B5\95\F7\C3_\1Fxk\C0</w:t>
            </w:r>
          </w:p>
        </w:tc>
      </w:tr>
      <w:tr w:rsidR="009F1CC8" w14:paraId="1940122B" w14:textId="77777777" w:rsidTr="009F1CC8">
        <w:tc>
          <w:tcPr>
            <w:tcW w:w="1418" w:type="dxa"/>
          </w:tcPr>
          <w:p w14:paraId="1B1901C8" w14:textId="2480BC44" w:rsidR="009F1CC8" w:rsidRDefault="009F1CC8" w:rsidP="009F1CC8">
            <w:pPr>
              <w:rPr>
                <w:rFonts w:hint="eastAsia"/>
              </w:rPr>
            </w:pPr>
            <w:r w:rsidRPr="00247E8E">
              <w:lastRenderedPageBreak/>
              <w:t>2022/07/14 09:58:05</w:t>
            </w:r>
          </w:p>
        </w:tc>
        <w:tc>
          <w:tcPr>
            <w:tcW w:w="1560" w:type="dxa"/>
            <w:vAlign w:val="center"/>
          </w:tcPr>
          <w:p w14:paraId="29662322" w14:textId="5D93203B"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4E5EA226" w14:textId="70486726"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1F7F5AA2" w14:textId="24AA1657"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73C4AF9F" w14:textId="2C27D30F" w:rsidR="009F1CC8" w:rsidRDefault="009F1CC8" w:rsidP="009F1CC8">
            <w:pPr>
              <w:rPr>
                <w:rFonts w:hint="eastAsia"/>
              </w:rPr>
            </w:pPr>
            <w:r>
              <w:rPr>
                <w:rFonts w:ascii="等线" w:eastAsia="等线" w:hAnsi="等线" w:hint="eastAsia"/>
                <w:color w:val="000000"/>
                <w:sz w:val="22"/>
              </w:rPr>
              <w:t>80</w:t>
            </w:r>
          </w:p>
        </w:tc>
        <w:tc>
          <w:tcPr>
            <w:tcW w:w="4252" w:type="dxa"/>
          </w:tcPr>
          <w:p w14:paraId="5B925E7F" w14:textId="7D9C59D2" w:rsidR="009F1CC8" w:rsidRDefault="009F1CC8" w:rsidP="009F1CC8">
            <w:pPr>
              <w:rPr>
                <w:rFonts w:hint="eastAsia"/>
              </w:rPr>
            </w:pPr>
            <w:r w:rsidRPr="00910B4C">
              <w:t>$C\9D\10U\D3\BD\01;o\8E$\D8(w\BE&gt;\1A\09\C7\0FHbn\99\E2\18\97{\03\DC\AE\FDB}Z\862d\0AmV&amp;~\18\D4\E1\86'\A7\FBB\B0b</w:t>
            </w:r>
            <w:r w:rsidRPr="00910B4C">
              <w:lastRenderedPageBreak/>
              <w:t>zp\D1\1CH\11h\F3\88\F5\83\F388C\F0\A9\83\BDm9@+. \D5\C0\E3q\AB(\02\88\86\FA\16\F3\D7e\F3\FC\B1U\872-\D1{\CF\16\BA\A5`S4\98\88\00\B9^\EE\0C\DE \DC5nV\BC\0Bd8N;\AC\B7\8D\D7\1F\0CF\A3]\E9\ED\F2\C07Z\FB\BA\02\C3\BD\E6V\81\17\BA\D2\F7\AD9\EB\FAy\AB\86o\F3\F9\E2-\995\E3;\D4\BB^Z,\AD\DB?\D4+;\A9\A9\AB\D3\14\1F\07\FFo?\CC\E9vO\D0\D7$\99G\91\B91\DD\97\81\FA\D9\10""N\CB\E2\FE5\84\D5""\07\AB\C7{=\BB\F5\FE\B2C\1D\DE\B3\828\E6\BA\A3A\B6\12\95\DBV\83\A4gD\97\02{\FB\DF\0C\F7\DC\09\DB\D5+\04\C5\B5\9E\0C=\96a3\B7i\E8X\B9\E6\D4u\8Da%\D9\CB\F3\F6\A6\EB\1B\EB\E8\19\17\8D\87\D1\B1\A0C\AB4\0F]\B7""\02\07\9A/\18\BD\CA6h\A9\97\E1\AA.\F9e$ \A8\F6\DC\E9\D1\EB\BF\1C\1D\EA\0B{\F9\96\A65\F2\D3\A6\AA\07\AB\A1n\17\B7\DAa{~\B2qQ[\F8\B91\BD\EE\F1\11]\0E\CD\DAC\FD)FG\EF\F1\EC\85j\B9}38={\BD#*\1B\9E\EB`\\N\92\81\A9\08\DB\A0u\9A\97]\BB\AD;\D0\B9\F1\E2\DF\F6u\B7\C4\EE\83\B6\EA\8C\FB\D6\06\E9\F9V\8D\A7\BD\F2\92]#Q1=O{g`D\FD\F2\A1\A6 \F4\D2\1Fk\0FE\CC\BA/X4\1C\91\07\96\ECK\06\EB\B5\CD\\3\F8\F8_\A2J\BA\17\0Ap\D3'\1BME/Cwi\F5X\C2\B37\E93\DAA\FD\B4\A6\FB\F9\12\EFl\FAX#_\D8\0E\7F\D8\0D\87\04lS\F0qM\85\AD\D5\B8;\D4\F4\A8\AF\DD\AC{\A2\97\8F\EF\89\8E\0Fm;\1C}\FF\97.\\\F5\95_\AD\E9X\D9r$sFx\0D_\E0\C0\8E\1A\03\DC?n\B8}\86;\F3\BB\06'4?XY\CA\09\E8\8B\86\D4\FE\\\ACc\8Dn\A8w\DFm\0F\C9\F2P4\ACl\E4,s\A2\15\B9\F1\C8\A2\C9\8E\D0\B6\9F\CE\13;\16\CB[\F4\EC\91\CC\B7\0B*5\9Dx\96y\08\F6\87.5\82Z\0F\C7Q\13\88r\82\B3\A1\A7\AEp.j\A8\B9\BAqc\A2\A7;^p\9FVE\F1Hu.\F9-\E8\88\18\0F&amp;\B4i\9C\FE\F8\C6f8\B10u\BB\0CV\F7\06\85/\E7\94X\EFr\A1\CF\17\84N\B70\EES\E0\C9D\A2\0C\FDz\E2\B4\FDi\A8&gt;\</w:t>
            </w:r>
            <w:r w:rsidRPr="00910B4C">
              <w:lastRenderedPageBreak/>
              <w:t>E2\BD\FA\DA\99_.\94\E4L:\D5\A7\A6H%\90\B7\87\0D\07\F4\C6r&lt;\9Cqo}Z\B7IjX\A3\97-\F6jcA&gt;\9A\DC\0C\8D \C8\DB\89Zy\FDkC[\E8\9Ec?X&gt;\BER\9E\0C\FB\92\87\CF\EC\94wpwz\\\D8\F3\1B\D7\D3&lt;^\CDX[g\FC\A1\FA\C0\D0|\AAy\8D\BE\1A\87=\C5\E5xhc\96\8Ce\82\8A\1A7F\A6n\90p\BF\07A\DF\9BGb\FD\C1\E8\C4ah\E1\97G\FB\0E\87\E2\BF\14R\9B\9B\BC=\C9\02\A3e\D3\86\D7s]\FC\90\A4\04\95T0\AE\8F\0F]-X\B6\D2'\EFw\E5m%\16n\A5\8F]]\1A\F7F\BC\CE\E0\82\E8\DA\AEGw\E8\DA\A2\9E\F7\0Aa\07G\9Dg\AB\FF\93\D65\CF&lt;\D0Q\E7}@\19V\AD\03&lt;\1B\05i\CF^\1ENM\17$\AF\12\1E\B7C?\CD\98\0D\C6\E94\17$z\A1\FE\B6\8D\CA\E1\00\9F\B1+r\F8i5\D9+B\CD\13\96tG\CD""\90\D9\C4\8A\B1\D4\92\BD\09\A1\1DN\02s\8A\B2cMt\B0\BFus@\EC\CD\8B\ADpP\E9\A6^\95\9A}\D0\E9\8F%\FA\B9\A0\EF\C8r\B1\CB\93\F08\B1;\FC\0A\9Fh\E5\B5W\F4\FCZR\94{%i\E8\C3u\89B\0F@\95\B7~\9F\BBQ\18\92\D4\A0\1A\0D\8BQy\BD\A1T\89QY\98\0B\81\18\14yE\82\9E\19\B4\0C\D0\9D\C2W6L6Q\C0\92\F1\B0\00\15\A5\04\A7\EC\B0\FE\E1a\A3o\B5\83\00\D0\D9\AD\0A=\A9]\AF\18\81\06Qi\CC\AAw\E2\C0\83\83\1AL}\A3u\E3)\D1+\86\BD\1A&lt;\14\88\DE\DB\A7[\D7TG\87/\B50\7F\ABL\CC+6\C1C\FDn\BE;\B20\15\D6\9B1""B\03L\FAmQ\B6U\EC\1E\14SJ\1A\8EWGN\09?=\BC1\EC\8B\8C\DC\A0[\0Dr\A8\85\D9\10\EF9\D0\A5\0E%\E3K\13\DE\\\00@#4~6\18hX\D8\16N\98\AE\A7\1E\04P\80\06\7F\D5ipN,'V\C0\F1\10J\C3yj\0FG+\C5\D5\1D\06w=-'\03\FE\A8\84\A2j\EA\81{\C4t\00\F4\F2\A60\E5`_\AA+^\DA\0F\AF\BC}W""\D10|\E1GSK5#h\A6ZL\B4\11#\AB\D3F\0C\ED\C1\01c\0E\0B\D0\EC\81\8C9K\B6.\14@\7F4\C9C\F7\D3\98\11Z\83\B7Gw\A9\B6e\8D\95;\F0\0F=\BF\157C\12\BD\82\1C\98\18\EF\DA\BD\A9\B9\AD?{Y\F0\BA:\B1Y\CD5xU\C1CE1\9CM\84\D5d\F8\E0\1D\F0\B3\FE\A0+\E8\C0D\A2\A9&gt;#\10\88\B5\96\CAy\DAw\CA\99\15\7F\98\F0\86\92G.\0DK\F0\AF\B1H\18\BA\19\FF</w:t>
            </w:r>
          </w:p>
        </w:tc>
      </w:tr>
      <w:tr w:rsidR="009F1CC8" w14:paraId="755612DC" w14:textId="77777777" w:rsidTr="009F1CC8">
        <w:tc>
          <w:tcPr>
            <w:tcW w:w="1418" w:type="dxa"/>
          </w:tcPr>
          <w:p w14:paraId="16009833" w14:textId="51ABB468" w:rsidR="009F1CC8" w:rsidRDefault="009F1CC8" w:rsidP="009F1CC8">
            <w:pPr>
              <w:rPr>
                <w:rFonts w:hint="eastAsia"/>
              </w:rPr>
            </w:pPr>
            <w:r w:rsidRPr="00247E8E">
              <w:lastRenderedPageBreak/>
              <w:t>2022/07/14 09:58:05</w:t>
            </w:r>
          </w:p>
        </w:tc>
        <w:tc>
          <w:tcPr>
            <w:tcW w:w="1560" w:type="dxa"/>
            <w:vAlign w:val="center"/>
          </w:tcPr>
          <w:p w14:paraId="2FDBA0F0" w14:textId="0ED8BCEB"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17B9EACF" w14:textId="2BD44E60"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5271D5F3" w14:textId="0ACF8BE6"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7429A171" w14:textId="5736B3EB" w:rsidR="009F1CC8" w:rsidRDefault="009F1CC8" w:rsidP="009F1CC8">
            <w:pPr>
              <w:rPr>
                <w:rFonts w:hint="eastAsia"/>
              </w:rPr>
            </w:pPr>
            <w:r>
              <w:rPr>
                <w:rFonts w:ascii="等线" w:eastAsia="等线" w:hAnsi="等线" w:hint="eastAsia"/>
                <w:color w:val="000000"/>
                <w:sz w:val="22"/>
              </w:rPr>
              <w:t>80</w:t>
            </w:r>
          </w:p>
        </w:tc>
        <w:tc>
          <w:tcPr>
            <w:tcW w:w="4252" w:type="dxa"/>
          </w:tcPr>
          <w:p w14:paraId="7C2367E7" w14:textId="722EBF67" w:rsidR="009F1CC8" w:rsidRDefault="009F1CC8" w:rsidP="009F1CC8">
            <w:pPr>
              <w:rPr>
                <w:rFonts w:hint="eastAsia"/>
              </w:rPr>
            </w:pPr>
            <w:r w:rsidRPr="00910B4C">
              <w:t>+\97\E2\E5:y\F7\BB?\B1\CBJx\995\E1D\A3s\9B\AF\D5|g\B9\FC\AA\A5y\9Cq\E3\F7\0D,\8C\14k,\96-y\DB\CAn\D9\B1\F6u;\D4z\D1\BCU\D2\B5\D8\FB\C2q\03\FD:S\85B\EAx\9F\FC\DCN\D5\D3\BC~\19\A9\B8\92\B7\9B\FF)P\E3\D8\A2\DD\DD\1F\BE\F6+\194\E1\F4\A2-\AF~\EC1\DE\EFT\1D\EE\87{\ED\0E6\18\F5\C2\E9dr\873\ED\DF7\E7\EAO\EF\FD \E4\CE\01\F3U\96\A9\FD,~\DDh;l\BFI\97\D7\1BW\BEX3\D0\EBa\AE\DB\A4[[\D9\13m\8D3\07]\A3\FE\1F\ED&gt;.\9A\0Aendstream\0Aendobj\0A30 0 obj\0A&lt;&lt;\0A/</w:t>
            </w:r>
            <w:proofErr w:type="spellStart"/>
            <w:r w:rsidRPr="00910B4C">
              <w:t>BaseFont</w:t>
            </w:r>
            <w:proofErr w:type="spellEnd"/>
            <w:r w:rsidRPr="00910B4C">
              <w:t xml:space="preserve"> /CIDFont+F3\0A/</w:t>
            </w:r>
            <w:proofErr w:type="spellStart"/>
            <w:r w:rsidRPr="00910B4C">
              <w:t>DescendantFonts</w:t>
            </w:r>
            <w:proofErr w:type="spellEnd"/>
            <w:r w:rsidRPr="00910B4C">
              <w:t xml:space="preserve"> [ &lt;&lt;\0A/</w:t>
            </w:r>
            <w:proofErr w:type="spellStart"/>
            <w:r w:rsidRPr="00910B4C">
              <w:t>BaseFont</w:t>
            </w:r>
            <w:proofErr w:type="spellEnd"/>
            <w:r w:rsidRPr="00910B4C">
              <w:t xml:space="preserve"> /CIDFont+F3\0A/</w:t>
            </w:r>
            <w:proofErr w:type="spellStart"/>
            <w:r w:rsidRPr="00910B4C">
              <w:t>CIDSystemInfo</w:t>
            </w:r>
            <w:proofErr w:type="spellEnd"/>
            <w:r w:rsidRPr="00910B4C">
              <w:t xml:space="preserve"> &lt;&lt;\0A/Ordering 23 0 R\0A/Registry 24 0 R\0A/Supplement 0\0A&gt;&gt;\0A/</w:t>
            </w:r>
            <w:proofErr w:type="spellStart"/>
            <w:r w:rsidRPr="00910B4C">
              <w:t>CIDToGIDMap</w:t>
            </w:r>
            <w:proofErr w:type="spellEnd"/>
            <w:r w:rsidRPr="00910B4C">
              <w:t xml:space="preserve"> /Identity\0A/</w:t>
            </w:r>
            <w:proofErr w:type="spellStart"/>
            <w:r w:rsidRPr="00910B4C">
              <w:t>FontDescriptor</w:t>
            </w:r>
            <w:proofErr w:type="spellEnd"/>
            <w:r w:rsidRPr="00910B4C">
              <w:t xml:space="preserve"> &lt;&lt;\0A/Ascent 891\0A/</w:t>
            </w:r>
            <w:proofErr w:type="spellStart"/>
            <w:r w:rsidRPr="00910B4C">
              <w:t>CapHeight</w:t>
            </w:r>
            <w:proofErr w:type="spellEnd"/>
            <w:r w:rsidRPr="00910B4C">
              <w:t xml:space="preserve"> 662\0A/Descent -216\0A/Flags 6\0A/</w:t>
            </w:r>
            <w:proofErr w:type="spellStart"/>
            <w:r w:rsidRPr="00910B4C">
              <w:t>FontBBox</w:t>
            </w:r>
            <w:proofErr w:type="spellEnd"/>
            <w:r w:rsidRPr="00910B4C">
              <w:t xml:space="preserve"> 25 0 R\0A/FontFile2 27 0 R\0A/</w:t>
            </w:r>
            <w:proofErr w:type="spellStart"/>
            <w:r w:rsidRPr="00910B4C">
              <w:t>FontName</w:t>
            </w:r>
            <w:proofErr w:type="spellEnd"/>
            <w:r w:rsidRPr="00910B4C">
              <w:t xml:space="preserve"> /CIDFont+F3\0A/</w:t>
            </w:r>
            <w:proofErr w:type="spellStart"/>
            <w:r w:rsidRPr="00910B4C">
              <w:t>ItalicAngle</w:t>
            </w:r>
            <w:proofErr w:type="spellEnd"/>
            <w:r w:rsidRPr="00910B4C">
              <w:t xml:space="preserve"> 0\0A/</w:t>
            </w:r>
            <w:proofErr w:type="spellStart"/>
            <w:r w:rsidRPr="00910B4C">
              <w:t>StemV</w:t>
            </w:r>
            <w:proofErr w:type="spellEnd"/>
            <w:r w:rsidRPr="00910B4C">
              <w:t xml:space="preserve"> 26 0 R\0A/Type /</w:t>
            </w:r>
            <w:proofErr w:type="spellStart"/>
            <w:r w:rsidRPr="00910B4C">
              <w:t>FontDescriptor</w:t>
            </w:r>
            <w:proofErr w:type="spellEnd"/>
            <w:r w:rsidRPr="00910B4C">
              <w:t>\0A&gt;&gt;\0A/Subtype /CIDFontType2\0A/Type /Font\0A/W 28 0 R\0A&gt;&gt; ]\0A/Encoding /Identity-H\0A/Subtype /Type0\0A/</w:t>
            </w:r>
            <w:proofErr w:type="spellStart"/>
            <w:r w:rsidRPr="00910B4C">
              <w:t>ToUnicode</w:t>
            </w:r>
            <w:proofErr w:type="spellEnd"/>
            <w:r w:rsidRPr="00910B4C">
              <w:t xml:space="preserve"> 29 0 R\0A/Type /Font\0A&gt;&gt;\0Aendobj\0A31 0 obj\0A&lt;&lt;\0A/Filter /</w:t>
            </w:r>
            <w:proofErr w:type="spellStart"/>
            <w:r w:rsidRPr="00910B4C">
              <w:t>FlateDecode</w:t>
            </w:r>
            <w:proofErr w:type="spellEnd"/>
            <w:r w:rsidRPr="00910B4C">
              <w:t>\0A/Length 12067\0A&gt;&gt;\0Astream\0Ax\9C\ED}]o$;\8E\E5\BB\7F\85\9F\1B\B8\D9\92\A8O\C00\90\1F\F6b\06\D8\87\DE\BD\C0&gt;,\F6a\B0\98\EE\C6 k\063/\FB\F7W\8C\CC\8C %*\C3\BEU]\C9,g_t\C1f\DA2\A5\90N\90\87\14i6)\98\FA\BFg\B31\86\7F\F1[\FFY\F6v\13N_\FE\DFoO\FFY\FF\EB\7F\ED\DBS*\D0I\8FTj\ADs\CB\07fEL\C6\F8\FB\D3\FF\FA\D3\F3\BF?\FD\E5V\7F\F8?\9Fl\F7\E12\CA\F8\A3\BAX\B6\FB\B1\F9\8B\FF\FA\DB`6nSB06\F1\D9\CC\D2\0F\CD\E6\EFO\7F\FDS]0\\\B24\8B\97\AF\EA\9Fq\B6\17\1F\A9\B8X&amp;_\11''&gt;\AF\94\E6\1F\F0\E4\8F\</w:t>
            </w:r>
            <w:r w:rsidRPr="00910B4C">
              <w:lastRenderedPageBreak/>
              <w:t>DB\D0\8B\8FTl\0D\10yZ\11\D3A\BE\FF\99\99\F1\A7\F5\99\ED~\7F2\CF\BF\FF\D7\D3\9F\DF\ED\B3\9B\FF\EE\EF\7F}\B2\CF\F4\14\D5\0Fs\DC\F8\14K\A9k\166\D1\16k\DC\F3\EF\DF\9E\FE\F7\8B\F1\11^\FF\CF\F3\EF\FF\FC\F4\F6\FB\B4J\B7V\15\AC\19\A9z\00e\AA\82\1F\A8j\BD\DD\BD\BE\98]\DA\EBR8\BB\81\C2~\E7t\A9\EA\CDh\C7\C2[v?WU\F7\9C6\A5d\13dM}]\D4lK\09\9D\A6![U\9A\86z\B4\B21\D6\F6(\00[]\9A\E6\FA\F4\8B1^\D8\A8Q\95\A6q\BCO\7F\F6\E9_\D14!ZU\DB)\B6\9A\BA]\0C\AA4\9D`\CA\95\E2:\\\B5\D9T\\=\987U\FA\96\BA[c.\A5\DB\AD\A6d\BA\B2\DC\0A\B1f61\BEq{c\FE\B2\B1C\0A\91\A7U1\19\E5\1Fm\88X\8F\A7\00\8C\A9&amp;a\05n\08\F5\E8\DA:\AB8\C9\AD1\99\CA\8F\\\9E\AB&lt;\99\BAdG&gt;\0E\91S\13r\99\A1\B5\F2\FA-r\BE~\D4(%\C3\0C\C4t\94\9Fg\C8]\DFii\DAh\D9@U\AFl\9C\B3\B8\9C*\CF0\1A\9C1\A6\92:Mu\9E\E1zd\AB\C2\15sz\85\9BC|{U\D1B\8E\A6\94\D2\AB\BAuI\97\AAu\C3\E2\A17\FD\86}\03U\C6\91uu\C7""\DE\D8~U\DDA\95\CDa\D1\EF\A8\0Ex\85\C6NUc\E1\F57\B3\81\18JL\C2\B7\99\7F\EB\97o5M\10\0D\D5\C1a4\D6(\D5\B9&gt;\94\E8K\89\92\CE[\BE\EC;\FEm\BA\8B\87\92\CC\FCn\BE\9B\87\B2\D8\BC\82\CE\E3e\17\9E\D1N\E7\04\8B\B98\9F\F7\F3PJ}(\19\D0\\\16t\F6W\1F\CA\18\DC\1A+\FB\0F\12\8D\D5j6\F4\835\B9@5\FEc\D6\F7\7F\FC\B7\BA\B8\FF\\\FF\FFoOv\16\FE\F7\D3\9Fz\FE\7FO\B1\BA \97?\E1\D2\85!\FF\F6T\82 &gt;</w:t>
            </w:r>
          </w:p>
        </w:tc>
      </w:tr>
      <w:tr w:rsidR="009F1CC8" w14:paraId="1266A399" w14:textId="77777777" w:rsidTr="009F1CC8">
        <w:tc>
          <w:tcPr>
            <w:tcW w:w="1418" w:type="dxa"/>
          </w:tcPr>
          <w:p w14:paraId="3FD432EA" w14:textId="5CFD888D" w:rsidR="009F1CC8" w:rsidRDefault="009F1CC8" w:rsidP="009F1CC8">
            <w:pPr>
              <w:rPr>
                <w:rFonts w:hint="eastAsia"/>
              </w:rPr>
            </w:pPr>
            <w:r w:rsidRPr="00247E8E">
              <w:lastRenderedPageBreak/>
              <w:t>2022/07/14 09:58:05</w:t>
            </w:r>
          </w:p>
        </w:tc>
        <w:tc>
          <w:tcPr>
            <w:tcW w:w="1560" w:type="dxa"/>
            <w:vAlign w:val="center"/>
          </w:tcPr>
          <w:p w14:paraId="4AB2184B" w14:textId="68A13581"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2D5AD48E" w14:textId="0B8E8EBA"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1099273A" w14:textId="77062885"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5E82952A" w14:textId="424D63F0" w:rsidR="009F1CC8" w:rsidRDefault="009F1CC8" w:rsidP="009F1CC8">
            <w:pPr>
              <w:rPr>
                <w:rFonts w:hint="eastAsia"/>
              </w:rPr>
            </w:pPr>
            <w:r>
              <w:rPr>
                <w:rFonts w:ascii="等线" w:eastAsia="等线" w:hAnsi="等线" w:hint="eastAsia"/>
                <w:color w:val="000000"/>
                <w:sz w:val="22"/>
              </w:rPr>
              <w:t>80</w:t>
            </w:r>
          </w:p>
        </w:tc>
        <w:tc>
          <w:tcPr>
            <w:tcW w:w="4252" w:type="dxa"/>
          </w:tcPr>
          <w:p w14:paraId="52A155D5" w14:textId="0671C4D6" w:rsidR="009F1CC8" w:rsidRDefault="009F1CC8" w:rsidP="009F1CC8">
            <w:pPr>
              <w:rPr>
                <w:rFonts w:hint="eastAsia"/>
              </w:rPr>
            </w:pPr>
            <w:r w:rsidRPr="00910B4C">
              <w:t>.(a%\16\B5\D0\B9\EAI\02\DB\03\13\EA\B0\A7=~H=\C9mn\ACYkR1\16\DC\DB(\A3\9C\E6\BC\CB[\81z\8C\80\F4J:\B3\B5\C9\B5xY\0E\F2f\9A\B1\A2_\AA\A2\9AZC\0C\8D~z\9C\86\C7\CB\A1\B8\CE\F3^\F7\89\F1W\DA\B5N\96\D6\B9\E4\0A)\A6y\96\DC\D2\09\87.w\DA\F5\CE\A1\B6T\ACYc\E4N\B5\18\8B\EA:/\B5\16\E8\FF""\FF7\F9\0D]=~\80\1C&lt;6\D2\D8\DFj\B5gw\EDj\8F\F2\DE\EA\BE\DE\C4D\BB;R\A4i\D4\8E\C8\8E\0F\1A\C5U8\DB\96\ED\BB\AC\F6\02\EC6\BCi\F9`\0B\F9@\ED\BA\B5\EF?J\BF\F5\13*\16\B0\BAW\FA\B1\9FI\C</w:t>
            </w:r>
            <w:r w:rsidRPr="00910B4C">
              <w:lastRenderedPageBreak/>
              <w:t>B\B3+\E1#\FDD\F6\B1\D1\AAGQ\A7\0C\FA\A3\D2&amp;,\82\D5O|(z\BE\0C\A5y\D1y_;ZW\B3\B8\CE\E6\D6\D7\F7]\13\D7$\DA\82\EC\BA\E5\E5\AC^.\CF\BF\F7\BD\BA~\ED\CFM\DD\08X\03\EA\E9\88\E7\C9\D9c\FD\DB\F6\ED;wpI\ED\8C51\D7\09\02\DE\88\DA\19Y\F8\D5\89`i""ZX\88&amp;\96\1A\C5\B5\A7\0Ao\01\E2e\B3R\CC\13\B6nA@\C5\18\D8\B3\F3\0E\06\BA4z\DB\02w|\E6\95\D1s\E8\A2\BEg\F1\E2l\B2\98\CC\FE\F4\CFg\ED\9B!\8A\F9\11\89\9Blz\99\B2\D3a\D2\9D\15\ECh'j\B6\1E\C9;\D7\B2la&lt;h\D4\C3tw\B1u0\B8}fn2L\D7$\0Ao\8E\FFG)\FC\E6\F5\DFR\DA\99\90\AAjR\84,j\95\B3y4Q\7F\81\96\F5\A6\E8\F5y#\8C\D3N\B7\94hl\F1\8C\97\ADF2\1C5""ipe\CA\0E\EE\BC\FA\9Ft\847\92\B8\EBJ\DAP;]\ED;6\D4_Z[\\\\\9A\\]]R\8F\A0\CD\DA\ED%i\FC-\91%\DCux\FB\BF\89qV\A2L^\C4Z\B2\FA\B6\A7BJ&lt;&gt;9\19\A82\FAFr\D7/\8A\F6/\B3h\F8%\D1\FE:\1A\D3W\92\F2\03,\CE\1EV\E5\C3\D9#Y\90&gt;\F2/\932\A6I\BA$\DA\F5\11\F9/\85{=S\C9\B5M\D1jgMv\BC\BE\BE\0E\BB\F2\FF\8D~j\D7\8C\EC\E7a]\C5:==\D7(\CB\B9\CD\F5\F59\1A\86\87\E7\0E\EFP+\84u\B9\DBB9\EDJ\BD""\EEej\1F\91\A0\84\B4\B2\EC^\0C\B2\93'\E4l\BCK\E7\81O\A5\D7\85MU\9C\1B\167\0F\9F\AD%C5\DEh\86\0D\A5\E1V\E4\09\B3\F5\9989\99\15\F4\94\0A\B7\B4\8E\A5\A1\B8\BDh\8F'\E3M\F1\BF\D5[Y\11\09\F1\F3-\AE\92\07""\BC&lt;]_IU\DCK\E8\\\D3\FF*-\DFQ2E\B6\E0\B9P\B7\05+c\D3\FB\F7\07\BDv;8|\FCxp\CB\A9S\BB\83\DD;-(\DE\C4\D5G&amp;\CEb\FC\85\05;\8C\DEk\AE\F5\99\0D\B7\DA\8A\9B\95\F0\D2\EC\DC\F53\FB\BB\EAY\12\E8x`\D6\97V{\94\B6\02\A9\B3\E3\C5\B0\A0\D7\88\A2\E4w_\8A\0Ai\DF\8F\AF\B4\83\D9\91\A5\83\C1\B1\91\8E\D4\CDwti\DCj\0EeE\B0\12tgkS,\C8\96\A5\91\F6\DB5*\A4F\13?8S/\C6\12\D1\8A\EE\D5\19\94l\A5\18\EA\B7h\D6\\\1C\ED5T\D5\CE\F0LT/'&amp;\17j\BB\A9t\83\EB\B5 \DB\9C\D9U\D4\87\E7\C7\F4\13\D8!*\A5\A2\01\FF\\\E2kL\CAtI\CBY\AB\13L.H\FD5\D3\</w:t>
            </w:r>
            <w:r w:rsidRPr="00910B4C">
              <w:lastRenderedPageBreak/>
              <w:t>EFO\0Eu:\93\D3\E3[[\CB\93\CB\DBkz6\BD\A7LT\F0\15V\11\B6S=\CA&gt;\DCka\BAV\98\ED\95\D8t=\8B\E2\96h\06q\C8\E2\990\8F\C7\DE\9B\95\A7&amp;\D2\F2\D8r\9A\7F\B7\FCm\BE\1B\CF.E\EC\B3j\EC\AD\98\FDwS\B5.S{*'\17\EBj!\DC\0Di\E7V\D1\BEW\E5""\1F\1B\E3\E1\B3?W\97\FC\1A\99\8APX=\7F-\B9\81\DC\ADv\A9\D8sJ\\W[&lt;|X/\A1_\99\9D\AD\A5\DDnY\D6n\BCx\B16F\A5\B1&amp;j3\CD\C9f\1C\1F\A9\1D\D91Q\93\EF\\EpUzw\A7z\E7^eM\ACV\E3\FB\D4\0E:\EEi\FDa8\03\0F\F7\0D\CDz\02\CDD\DF\AF\16\1C\8A\FC\CCx\92\1DZ\17\F9\B7J\E2\B9\B1'_\F6\F4\E5\CB\FC\D9\B3g\EFNnj\A9\A5\85\A3y;8+\82\B3\F5\82Ic\BF\11\D4\FAsQ\1E\CF\D5\C7R\D1\A0\11\FBt'\A1a\9E\94\D2\ED\1CV\D9\F6a\FD\F4\D7\BB\DB\ED\91^o1\92\AE\CDme\98\B4\A4QO\876\C2\89S_W\E3\A9\A8\D7\998\A8Rt\D3\F5\E9\D1\AC\15]Vy\B9R\EF\F7\A7\F6\11\1F&amp;\B3\D2\B79sl~\B4\91\EC=|\F8\C0u\EB\EBG\F7\CC--\9DX\9BJ\82\DF=\10$\07\F6\AC\AD\ED9\904:\0B\D3\93\1De\19\A2)\7F\F9Y\DF`\D7\1F\AE\DA\BB\0Er\93\FB\8E\D6\EC\83\8E\FB\0B{\BE \9E\8FIC\EE\B1V\16\D5\D2w/w\A3z\BE\B1\BC\BC$D\B0:\AD\FD\C6\C9\97\EE\08:\E1f\92\DD2\97d\D7\DD\C0\F3_\95H||N\BE\1C\DB\8A\99\98X\18V$\B5V\847\9E\B9\86\B6&amp;'%;E\A3\8B3\0D*\86\9A\BC\F8)\96\C5-\CE\8B./FT\8Ci\A4\1Ew\EB\DA\AA\FBO\BA\8A\9EI/{Nz\D9\AB\C7\DA7\A5k-rd\F9\E0\A9\C5\83G\8E\AC</w:t>
            </w:r>
          </w:p>
        </w:tc>
      </w:tr>
      <w:tr w:rsidR="009F1CC8" w14:paraId="280B09A3" w14:textId="77777777" w:rsidTr="009F1CC8">
        <w:tc>
          <w:tcPr>
            <w:tcW w:w="1418" w:type="dxa"/>
          </w:tcPr>
          <w:p w14:paraId="5A8273B1" w14:textId="2E87FBCA" w:rsidR="009F1CC8" w:rsidRDefault="009F1CC8" w:rsidP="009F1CC8">
            <w:pPr>
              <w:rPr>
                <w:rFonts w:hint="eastAsia"/>
              </w:rPr>
            </w:pPr>
            <w:r w:rsidRPr="00247E8E">
              <w:lastRenderedPageBreak/>
              <w:t>2022/07/14 09:58:05</w:t>
            </w:r>
          </w:p>
        </w:tc>
        <w:tc>
          <w:tcPr>
            <w:tcW w:w="1560" w:type="dxa"/>
            <w:vAlign w:val="center"/>
          </w:tcPr>
          <w:p w14:paraId="599D22B8" w14:textId="2DFFBE23"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7C49C960" w14:textId="472E1749"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35BF7497" w14:textId="4E402BCD"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0CE8A37E" w14:textId="0EDD40FA" w:rsidR="009F1CC8" w:rsidRDefault="009F1CC8" w:rsidP="009F1CC8">
            <w:pPr>
              <w:rPr>
                <w:rFonts w:hint="eastAsia"/>
              </w:rPr>
            </w:pPr>
            <w:r>
              <w:rPr>
                <w:rFonts w:ascii="等线" w:eastAsia="等线" w:hAnsi="等线" w:hint="eastAsia"/>
                <w:color w:val="000000"/>
                <w:sz w:val="22"/>
              </w:rPr>
              <w:t>80</w:t>
            </w:r>
          </w:p>
        </w:tc>
        <w:tc>
          <w:tcPr>
            <w:tcW w:w="4252" w:type="dxa"/>
          </w:tcPr>
          <w:p w14:paraId="53D4DC0F" w14:textId="5599074E" w:rsidR="009F1CC8" w:rsidRDefault="009F1CC8" w:rsidP="009F1CC8">
            <w:pPr>
              <w:rPr>
                <w:rFonts w:hint="eastAsia"/>
              </w:rPr>
            </w:pPr>
            <w:r w:rsidRPr="00910B4C">
              <w:t>0\1Ce#\8C@9\0E\EAQ\8E\87\86\D4&gt;8\13F\A2\9C\00\A3PNd\F2,\18\9D\FA3L\82\B1('39\05\1AQN\85q\A9\8Fa\1A\8CGy6\93M0\01e3LD9\1D\CEJ}\04\E70y.LB9\03&amp;\A3&lt;\0F\A6\A4&gt;\84\990\15e\0BLC\D9\0Ag\A3\9C\85\F2\03\98\0DM(\E7\C0t\94s\E1\1C\94\F3P\BE\0F\F3\E1\\\94\0B`\06\CA\85L\9E\0F3S\EF\C1\05\D0\82\B2\0DZQ.b\F2B\98\95z\17\16\C3l\94\ED0\07\E5\12\98\8Br)\CCK\ED\85e0\1F\E5r&amp;W\C0\02\94+a!\CA\EF\C0\05\A9w\E0""&amp;/\866\94\97\C0""\94\DF\85\0BS\7F\</w:t>
            </w:r>
            <w:r w:rsidRPr="00910B4C">
              <w:lastRenderedPageBreak/>
              <w:t>82K\99\BC\0C\DAQ~\0F\96\A0\\\85\F2mX\0DKQ^\0E\CBP~\1F\96\A3\BC\02V\A4\F6\C0\95\B0\12\E5\1A\F8\0E\CA\AB\E0""\94kQ\EE\86\AB\E1b\94\D7\C0wQv0y-\\\9Az\0B\AE\83\CBP^\0F\DFCy\03\93\EB`u\EA\8F\B0\1E.G\F9\03\F8&gt;\CA\1F2y#\\\81\F2&amp;\B82\F5&amp;\DC\0CkP\DE\02W\A1\BC\15\D6\E2Q\B7\C1\D5\98z;\93w\C05(\7F\04\D7\A2\BC\13\AE\C3&lt;?f\F2.\B8\1E\E5\06\B8\01\E5F\94o\C0O`=\CA\9F\C2\0FP\DE\0D?D\F93\94\AF\C3=p#\CA{\E1&amp;\94?\87[P\DE\87\F25\F8\05\DC\8A\F2\97p\1B\CA\FB\E1v\8C\7F\80\C9_\C1\8F0\E6\D7p'\CA\07\99L\C0\8FQv\C2]\A9W\A1\0B6\A0\EC\86\8D(\1F\82\9F\A0\DC\04?M\BD\02\9B\E1n\94\0F3\99\84\9F\A1\DC\02\F7\A6^\86\ADL&gt;\02?G\F9(\DC\87\F2\BF\E0\17\A9?\C0cL&gt;\0E\F7\A3\DC\06\0F\A0|\02~\95z\09\9Ed\F2\BF\E1\D7(\7F\03\09\94O\A1|\11~\0B\9D(\7F\07\DD(\7F\0F\0F\A1\DC\CE\E4\D3\B0)\F5\02\EC\80\CD(\9F\81\87Q&gt;\0BI\94\CF\C1\96\D4\F3\B0\13\B6\A2\DC\C5\E4\F3\F0\08\CA\17\E0\D1\D4.x\11\1EC\F9\12\93X\0A\94/\C3\B6\D4Nx\05\9E@\F9*\93\AF\C1\7F\A3|\1D~\93z\0E\DE`\F2Mx\0A\E5\1F\E1\B7(\DF\82\DF\A5\9E\85\DD\F0{\94{`;\CA\B7\E1i\94\7F\82\1D\A9g\E0\1D&amp;\F7\C23(\DF\85\E7P\BE\C7\E4\FB\B03\B5\03&gt;\80](?\84\E7Q~\C4\E4\C7\F0b\EAi\F83\BC\84r\1F\FC\01\E5_\98\FC+\BC\8Cr?\BC\82\F2o\F0*\CAO\E05\94\7F\87\D7S\DB\E1Sx\03\E5?\98\FC\0C\DED\F99\BC\95\FA=|\01\BBQ\FE\93\C9\7F\C1\1E\94_\C2\DB\A9\DF\C1\01&amp;\0F\C2;({`/\CA\14\BC\9B\FA-\E7\F4\D3\9C\D3?f\9C\FE1\E3\F4\8F\18\A7\7F\C48\FD#\C6\E9\1F1N\FF\90q\FA\87\8C\D3?d\9C\FE!\E3\F4\0F\19\A7\7F\C88\FDC\C6\E9\1F2N\FF\80q\FA\07\8C\D3?`\9C\FE\01\E3\F4\F7\19\A7\BF\CF8\FD}\C6\E9\EF3N\7F\8Fq\FA{\8C\D3\DFc\9C\FE\1E\E3\F4\F7\18\A7\BF\CB8\FD]\C6\E9\EF2N\7F\97q\FA^\C6\E9{\19\A7\EFe\9C\BE\97q\FA;\8C\D3\DFa\9C\FE\0E\E3\F4w\18\A7\FF\89q\FA\9F\18\A7\FF\89q\FA\9F\18\A7\BF\CD8\FDm\C6\E9o3N\7F\9Bq\FA\1E\C6\E9{\18\A7\EFa\9C\B</w:t>
            </w:r>
            <w:r w:rsidRPr="00910B4C">
              <w:lastRenderedPageBreak/>
              <w:t>E\87q\FAn\C6\E9\BB\19\A7\EFf\9C\BE\9Bq\FAn\C6\E9o1N\7F\8Bq\FA['\91\D3o\EB\E5\F4\D7\FE\BF8\FDU\C6\E9\AF2N\7F\95q\FA\AB\8C\D3_e\9C\FE*\E3\F4W\19\A7\BF\C28\FD\15\C6\E9\AF0N\7F\85q\FA+\8C\D3_f\9C\FE2\E3\F4\97\19\A7\BF\CC8\FD\0F\8C\D3_b\9C\FE\12\E3\F4\97\18\A7\BF\C48\FDE\C6\E9/2N\7F\91q\FA\8B\8C\D3_`\9C\FE\02\E3\F4\17\18\A7\BF\C08\FDy\C6\E9\CF3N\7F\9Eq\FA\0B\8C\D3\9Fg\9C\FE&lt;\E3\F4\E7\19\A7?\CF8}\17\E3\F4]\8C\D3w1N\DF\C58}'\E3\F4\9D\8C\D3w2N\DF\C98\FD9\C6\E9\CF1N\7F\8Eq\FAs\8C\D3\9Fc\9C\FE,\E3\F4g\19\A7?\CB8\FD\19\C6\E9;\18\A7\EF`\9C\BE\83q\FA\0E\C6\E9;\18\A7\EF`\9C\BE\83q\FA3\8C\D3w0N\DF\C18}\07\E3\F4\1D\8C\D3\9Ff\9C\FE4\E3\F4\A7\19\A7?\CD8};\E3\F4\ED\8C\D3\B73N\DF\CE8\FD\F7\A7\11\A7G9\A7sN?m8\FD\F6\E3\E2\F4W\BE!N\7F\90s\FA\B7\C0\E9\EC\B5\1D\EBD\9DC\03\A2\08r\9F\A9F\12E\15\02C*j\B7AI\13\D5\0A\A8\D4 I@_\9DW\83\BA\DF\014\07\85$\ABDP\89\1A&lt;X\960\A7\0A\BEi\D0\1F~Q\1D\F52\E2a\C1\C1q\04\84\FF{V5p\9C(\10\9D\03888888\06\1EN\AD\D9^\00\8E\01\01\\\17\D1\C5\12:\95\A4\EA\0D\89j\8D\06\F7e\\)\A1\131^\AD\A2{\92|\9C\AB\A6\93\BB\E4\11\11\C0\0A\D1\17\E2\E0\E08m\A0w\FDo\F6$5KT4\A0\D6\00\F2\1D\E8i\94\D2\9F\F6T #\19\F6\B3'\A9\91\18\07\80=I\02\0E\8E\AF\E2\18\14-\058N\14\04\BD\0B888888\06\1E\B8=\89\E3\1B@\AF\15I\C5B\87\96Uj\AD\96.]TjYV\ABEI\ADR\D4jjOR</w:t>
            </w:r>
          </w:p>
        </w:tc>
      </w:tr>
      <w:tr w:rsidR="009F1CC8" w14:paraId="5877A543" w14:textId="77777777" w:rsidTr="009F1CC8">
        <w:tc>
          <w:tcPr>
            <w:tcW w:w="1418" w:type="dxa"/>
          </w:tcPr>
          <w:p w14:paraId="0A06A005" w14:textId="11BA7A66" w:rsidR="009F1CC8" w:rsidRDefault="009F1CC8" w:rsidP="009F1CC8">
            <w:pPr>
              <w:rPr>
                <w:rFonts w:hint="eastAsia"/>
              </w:rPr>
            </w:pPr>
            <w:r w:rsidRPr="00247E8E">
              <w:lastRenderedPageBreak/>
              <w:t>2022/07/14 09:58:05</w:t>
            </w:r>
          </w:p>
        </w:tc>
        <w:tc>
          <w:tcPr>
            <w:tcW w:w="1560" w:type="dxa"/>
            <w:vAlign w:val="center"/>
          </w:tcPr>
          <w:p w14:paraId="3B35983D" w14:textId="591260B4"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121E2D63" w14:textId="3114C7D6"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2ABFDE8C" w14:textId="05432C8B"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1DC96173" w14:textId="7D109521" w:rsidR="009F1CC8" w:rsidRDefault="009F1CC8" w:rsidP="009F1CC8">
            <w:pPr>
              <w:rPr>
                <w:rFonts w:hint="eastAsia"/>
              </w:rPr>
            </w:pPr>
            <w:r>
              <w:rPr>
                <w:rFonts w:ascii="等线" w:eastAsia="等线" w:hAnsi="等线" w:hint="eastAsia"/>
                <w:color w:val="000000"/>
                <w:sz w:val="22"/>
              </w:rPr>
              <w:t>80</w:t>
            </w:r>
          </w:p>
        </w:tc>
        <w:tc>
          <w:tcPr>
            <w:tcW w:w="4252" w:type="dxa"/>
          </w:tcPr>
          <w:p w14:paraId="51AC4248" w14:textId="6ABA12B3" w:rsidR="009F1CC8" w:rsidRDefault="009F1CC8" w:rsidP="009F1CC8">
            <w:pPr>
              <w:rPr>
                <w:rFonts w:hint="eastAsia"/>
              </w:rPr>
            </w:pPr>
            <w:r w:rsidRPr="00910B4C">
              <w:t xml:space="preserve">36 500 37 37 500 38 38 500 39 39 500 40 40 500 41 41 500 42 42 500 43 43 500 44 44 500 45 45 500 46 46 500 47 47 500 48 48 500 49 49 500 50 50 500 51 51 500 52 52 500 53 53 500 54 54 500 55 55 500 56 56 500 57 57 500 58 58 500 59 59 500 60 60 500 61 61 500 68 68 500 69 69 500 70 70 500 71 71 500 72 72 500 73 73 500 75 75 500 76 76 500 77 77 500 78 78 500 79 79 500 80 80 500 81 81 500 82 82 500 83 83 500 84 84 500 85 85 500 86 86 </w:t>
            </w:r>
            <w:r w:rsidRPr="00910B4C">
              <w:lastRenderedPageBreak/>
              <w:t>500 87 87 500 88 88 500 90 90 500 91 91 500 92 92 500 93 93 500 452 452 1000 708 708 1000 709 709 1000 726 726 1000 798 798 1000 980 980 1000 1079 1079 1000 1082 1082 1000 1085 1085 1000 1098 1098 1000 1117 1117 1000 1130 1130 1000 1236 1236 1000 1239 1239 1000 1258 1258 1000 1288 1288 1000 1295 1295 1000 1300 1300 1000 1301 1301 1000 1306 1306 1000 1318 1318 1000 1323 1323 1000 1325 1325 1000 1341 1341 1000 1420 1420 1000 1440 1440 1000 1485 1485 1000 1553 1553 1000 1905 1905 1000 1907 1907 1000 1921 1921 1000 1948 1948 1000 1973 1973 1000 1993 1993 1000 1996 1996 1000 2123 2123 1000 2144 2144 1000 2257 2257 1000 2351 2351 1000 2410 2410 1000 2437 2437 1000 2464 2464 1000 2545 2545 1000 2561 2561 1000 2579 2579 1000 2591 2591 1000 2592 2592 1000 2595 2595 1000 2599 2599 1000 2600 2600 1000 2621 2621 1000 2696 2696 1000 2801 2801 1000 2934 2934 1000 3339 3339 1000 3342 3342 1000 3373 3373 1000 3416 3416 1000 3427 3427 1000 3515 3515 1000 3582 3582 1000 3763 3763 1000 3881 3881 1000 3892 3892 1000 3895 38</w:t>
            </w:r>
          </w:p>
        </w:tc>
      </w:tr>
      <w:tr w:rsidR="009F1CC8" w14:paraId="55583A89" w14:textId="77777777" w:rsidTr="009F1CC8">
        <w:tc>
          <w:tcPr>
            <w:tcW w:w="1418" w:type="dxa"/>
          </w:tcPr>
          <w:p w14:paraId="33D4B2C8" w14:textId="3CE9DE24" w:rsidR="009F1CC8" w:rsidRDefault="009F1CC8" w:rsidP="009F1CC8">
            <w:pPr>
              <w:rPr>
                <w:rFonts w:hint="eastAsia"/>
              </w:rPr>
            </w:pPr>
            <w:r w:rsidRPr="00247E8E">
              <w:lastRenderedPageBreak/>
              <w:t>2022/07/14 09:58:05</w:t>
            </w:r>
          </w:p>
        </w:tc>
        <w:tc>
          <w:tcPr>
            <w:tcW w:w="1560" w:type="dxa"/>
            <w:vAlign w:val="center"/>
          </w:tcPr>
          <w:p w14:paraId="01DB63D9" w14:textId="0035FB84"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5892305B" w14:textId="31FEB96A"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7B55F98F" w14:textId="141BF5C6"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2C53E660" w14:textId="0FB05BC3" w:rsidR="009F1CC8" w:rsidRDefault="009F1CC8" w:rsidP="009F1CC8">
            <w:pPr>
              <w:rPr>
                <w:rFonts w:hint="eastAsia"/>
              </w:rPr>
            </w:pPr>
            <w:r>
              <w:rPr>
                <w:rFonts w:ascii="等线" w:eastAsia="等线" w:hAnsi="等线" w:hint="eastAsia"/>
                <w:color w:val="000000"/>
                <w:sz w:val="22"/>
              </w:rPr>
              <w:t>80</w:t>
            </w:r>
          </w:p>
        </w:tc>
        <w:tc>
          <w:tcPr>
            <w:tcW w:w="4252" w:type="dxa"/>
          </w:tcPr>
          <w:p w14:paraId="29B9BB6E" w14:textId="7F6C5549" w:rsidR="009F1CC8" w:rsidRDefault="009F1CC8" w:rsidP="009F1CC8">
            <w:pPr>
              <w:rPr>
                <w:rFonts w:hint="eastAsia"/>
              </w:rPr>
            </w:pPr>
            <w:r w:rsidRPr="00910B4C">
              <w:t xml:space="preserve">50&gt; &lt;0035&gt; &lt;0052&gt; &lt;0036&gt; &lt;0053&gt; &lt;0042&gt; &lt;005F&gt; &lt;0044&gt; &lt;0061&gt; &lt;0045&gt; &lt;0062&gt; &lt;0046&gt; &lt;0063&gt; &lt;0047&gt; &lt;0064&gt; &lt;0048&gt; &lt;0065&gt; &lt;0049&gt; &lt;0066&gt; &lt;004A&gt; &lt;0067&gt; &lt;004B&gt; &lt;0068&gt; &lt;004C&gt; &lt;0069&gt; &lt;004E&gt; &lt;006B&gt; &lt;004F&gt; &lt;006C&gt; &lt;0050&gt; &lt;006D&gt; &lt;0051&gt; &lt;006E&gt; &lt;0052&gt; &lt;006F&gt; &lt;0053&gt; &lt;0070&gt; &lt;0054&gt; &lt;0071&gt; &lt;0055&gt; &lt;0072&gt; &lt;0056&gt; &lt;0073&gt; &lt;0057&gt; &lt;0074&gt; &lt;0059&gt; &lt;0076&gt; </w:t>
            </w:r>
            <w:proofErr w:type="spellStart"/>
            <w:r w:rsidRPr="00910B4C">
              <w:t>endbfchar</w:t>
            </w:r>
            <w:proofErr w:type="spellEnd"/>
            <w:r w:rsidRPr="00910B4C">
              <w:t xml:space="preserve"> </w:t>
            </w:r>
            <w:proofErr w:type="spellStart"/>
            <w:r w:rsidRPr="00910B4C">
              <w:t>endcmap</w:t>
            </w:r>
            <w:proofErr w:type="spellEnd"/>
            <w:r w:rsidRPr="00910B4C">
              <w:t xml:space="preserve"> </w:t>
            </w:r>
            <w:proofErr w:type="spellStart"/>
            <w:r w:rsidRPr="00910B4C">
              <w:t>CMapName</w:t>
            </w:r>
            <w:proofErr w:type="spellEnd"/>
            <w:r w:rsidRPr="00910B4C">
              <w:t xml:space="preserve"> </w:t>
            </w:r>
            <w:proofErr w:type="spellStart"/>
            <w:r w:rsidRPr="00910B4C">
              <w:t>currentdict</w:t>
            </w:r>
            <w:proofErr w:type="spellEnd"/>
            <w:r w:rsidRPr="00910B4C">
              <w:t xml:space="preserve"> /</w:t>
            </w:r>
            <w:proofErr w:type="spellStart"/>
            <w:r w:rsidRPr="00910B4C">
              <w:t>CMap</w:t>
            </w:r>
            <w:proofErr w:type="spellEnd"/>
            <w:r w:rsidRPr="00910B4C">
              <w:t xml:space="preserve"> </w:t>
            </w:r>
            <w:proofErr w:type="spellStart"/>
            <w:r w:rsidRPr="00910B4C">
              <w:t>defineresource</w:t>
            </w:r>
            <w:proofErr w:type="spellEnd"/>
            <w:r w:rsidRPr="00910B4C">
              <w:t xml:space="preserve"> pop end </w:t>
            </w:r>
            <w:proofErr w:type="spellStart"/>
            <w:r w:rsidRPr="00910B4C">
              <w:t>end</w:t>
            </w:r>
            <w:proofErr w:type="spellEnd"/>
            <w:r w:rsidRPr="00910B4C">
              <w:t xml:space="preserve"> \0Aendstream\0Aendobj\0A28 0 obj\0A[ 3 3 250 16 16 333 17 17 250 18 18 277 19 19 500 20 20 500 21 21 500 22 22 500 26 26 500 29 29 277 32 32 563 34 34 443 38 38 666 39 39 722 41 41 556 42 42 722 44 44 333 45 45 389 51 51 556 53 53 666 54 54 556 66 66 500 68 </w:t>
            </w:r>
            <w:r w:rsidRPr="00910B4C">
              <w:lastRenderedPageBreak/>
              <w:t>68 443 69 69 500 70 70 443 71 71 500 72 72 443 73 73 333 74 74 500 75 75 500 76 76 277 78 78 500 79 79 277 80 80 777 81 81 500 82 82 500 83 83 500 84 84 500 85 85 333 86 86 389 87 87 277 89 89 500 ]\0Aendobj\0A25 0 obj\0A[ -777 -216 777 891 ]\0Aendobj\0A26 0 obj\0A777\0Aendobj\0A2 0 obj\0A&lt;&lt;\0A/Count 3\0A/Kids [ 3 0 R 33 0 R 39 0 R ]\0A/Type /Pages\0A&gt;&gt;\0Aendobj\0A1 0 obj\0A&lt;&lt;\0A/Pages 2 0 R\0A/Type /Catalog\0A&gt;&gt;\0Aendobj\0A45 0 obj\0A&lt;&lt;\0A/Author (Eric)\0A/</w:t>
            </w:r>
            <w:proofErr w:type="spellStart"/>
            <w:r w:rsidRPr="00910B4C">
              <w:t>CreationDate</w:t>
            </w:r>
            <w:proofErr w:type="spellEnd"/>
            <w:r w:rsidRPr="00910B4C">
              <w:t xml:space="preserve"> (D:20220713124803+08'00')\0A/</w:t>
            </w:r>
            <w:proofErr w:type="spellStart"/>
            <w:r w:rsidRPr="00910B4C">
              <w:t>ModDate</w:t>
            </w:r>
            <w:proofErr w:type="spellEnd"/>
            <w:r w:rsidRPr="00910B4C">
              <w:t xml:space="preserve"> (D:20220713124803+08'00')\0A/Producer (Microsoft: Print To PDF)\0A/Title (https://corporbank.icbc.com.cn/ebankc/servlet/CSReqServlet?dse_)\0A&gt;&gt;\0Aendobj\0Axref\0A0 46\0D\0A0000000000 65535 f\0D\0A0000351657 00000 n\0D\0A0000351584 00000 n\0D\0A0000279398 00000 n\0D\0A0000000009 00000 n\0D\0A0000000035 00000 n\0D\0A0000341699 00000 n\0D\0A0000341738 00000 n\0D\0A0000000058 00000 n\0D\0A000034</w:t>
            </w:r>
          </w:p>
        </w:tc>
      </w:tr>
      <w:tr w:rsidR="009F1CC8" w14:paraId="67400510" w14:textId="77777777" w:rsidTr="009F1CC8">
        <w:tc>
          <w:tcPr>
            <w:tcW w:w="1418" w:type="dxa"/>
          </w:tcPr>
          <w:p w14:paraId="27886AA1" w14:textId="46670793" w:rsidR="009F1CC8" w:rsidRDefault="009F1CC8" w:rsidP="009F1CC8">
            <w:pPr>
              <w:rPr>
                <w:rFonts w:hint="eastAsia"/>
              </w:rPr>
            </w:pPr>
            <w:r w:rsidRPr="00247E8E">
              <w:lastRenderedPageBreak/>
              <w:t>2022/07/14 09:58:05</w:t>
            </w:r>
          </w:p>
        </w:tc>
        <w:tc>
          <w:tcPr>
            <w:tcW w:w="1560" w:type="dxa"/>
            <w:vAlign w:val="center"/>
          </w:tcPr>
          <w:p w14:paraId="376F70F0" w14:textId="7BBD0F78"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494C87D8" w14:textId="1F076150"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18044F73" w14:textId="792CF122"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7868AA6B" w14:textId="4C2B9299" w:rsidR="009F1CC8" w:rsidRDefault="009F1CC8" w:rsidP="009F1CC8">
            <w:pPr>
              <w:rPr>
                <w:rFonts w:hint="eastAsia"/>
              </w:rPr>
            </w:pPr>
            <w:r>
              <w:rPr>
                <w:rFonts w:ascii="等线" w:eastAsia="等线" w:hAnsi="等线" w:hint="eastAsia"/>
                <w:color w:val="000000"/>
                <w:sz w:val="22"/>
              </w:rPr>
              <w:t>80</w:t>
            </w:r>
          </w:p>
        </w:tc>
        <w:tc>
          <w:tcPr>
            <w:tcW w:w="4252" w:type="dxa"/>
          </w:tcPr>
          <w:p w14:paraId="625EBB30" w14:textId="7A10BFD0" w:rsidR="009F1CC8" w:rsidRDefault="009F1CC8" w:rsidP="009F1CC8">
            <w:pPr>
              <w:rPr>
                <w:rFonts w:hint="eastAsia"/>
              </w:rPr>
            </w:pPr>
            <w:r w:rsidRPr="00910B4C">
              <w:t>A.\1A\E2\ACyn('6\E7Rm\FF(\A9\03\11\0F\D5\C7\C8\8E\1F#\1E\18\8B\83\96]\CC\93\11\8C\8B\08\F3\0BX'\B1\1D7\B3\B3\CB\88\93\A4~\8F V\E2\C7\F5\B0m\8C\BF \B7\C5$1\BF$V\AA\C6\A6\8F\FE''\F5}[\80[\1A\03\09\E5\FC\A6\C4\D2\0D\D2^B|\8B\8F\92\C4\F67\B6\9E+\B3\DC\93\18\1Eu\96\0EF\9A0\CA\E38\9EY,sC-\DC\D2\1C\F5\CE\10\96NQ\0E&amp;\C6\96@\8F\11\BD\03\8Cc3\EF\9D\D9ww'\B4\19\FD\08\B8\9BE7N\D4\C5\A8\EB\D0\03q\91J\B4\B7\AA\B3\EA8\D4\F9\94\CE\F2\03\CD\13[\BC\A2.u\F7q\F6\AF\EF3\BA{$\96\12\9C\1D\E4\B8\C3\F9\BC1q\FA\C9\C5\08\13\AF-F\\\EC\85WF\E1\F4\1C\AD\CC\87\1F\11p\B3\EC\FC\\N\9Co\0Dr\0F-\CF\84\F8\B1&gt;\94Y\D8\AE\B3\88P\E6\01\05</w:t>
            </w:r>
            <w:r w:rsidRPr="00910B4C">
              <w:lastRenderedPageBreak/>
              <w:t>R+Uc\E2,v\ECAi)\8F\11\17w\F6\C7\EAp\E9KRA\9C\D6s\BE\AC\CF\93\D8G\CC\89\A0\E4qqx7\17(\CF\1CM\E0\1C`Oc\EBcS\E2d\A7\F3\89a\A4\C8\1D\09I&lt;\AA\82\D7\\\FB\14\99\F623M\99\A9\9D/\A1\B5\AE\B0\14\CE=~\C7X\1F\B3\12\B1 (sr\821\19j\BDlA\98\17\F5\00,\C4\C4q%\F0\B3\9B\C9\84\F8\D9\1D\8C\E1Q\EF\17\7Fv\FD\F1#\F5\C6\1E\1DS#\FD\F1\1B\EA4'\C7\9C\FD,,\E5\C4\C4E\99\D1\F3`\F6\CA\840\EF\93\B0x\85Q\ABV\94-\90\99\9E\C7V\1E\FA\D4\8F&lt;\A3\B0\D3!(\C9\FDx\0B\DAc\A8\81\C1\EF\9C \18i\F5\A9O\F9\DB=\1D\09\CD5\A8\19\EDj?\1Fl+unG\E7\FC\A0\AF\85\C9\FFq={\99\B6e2\CF\9A@\1A\E6\D6\13O,oRK\E7\B9\8Er8\DB\C0Iu\D0\84(7\9DN\13v\9E\10\87n\F6\A9\E1\EF\C4\CEVV\91]\D0\06h\D2\D4\D8\D7\18\0BwZ\DCY-\D0\DF\9C0\12[iE-w\0B\E2\DB\FF0\B2\988\19\05\98H\ED\BC\E0\\\A3\ED\A5\E6\B54\FD\16Fs\A1_J\89\8By:\19\C7\BD\E3\18\B9w\FA&gt;&amp;\CC\EB\9F\A3|j\F9\D8Q\B7\D3F\D4\B6\E9S\B8\D3W\BE\D4\A0\9E\E7\85\14\0D\98\8B\0CF\B8\C5\92\DFO\B4Wq\AC\D87l)&amp;\CE.u\B6\87\E3\1F\C7\CB\C8\0F\A8\1D\D0\AEH*\BD\07=\19\11\B4\C70\83\94\12\9F\D7\B9g\83!6\F0~x\AF\AA\A4q\FC\EB\8E\AAc\91\D77J\C65_\C0\BC\97\04\BCd\95sP1\B2Q\C2t\9C\0Ez)t\F5JW\FF2L\84\F1\19\A9\89\B8!\0D0\E2t`\EC\E1\0BuKu\D6\1C\7Fp\0F\A7\CE\AAC\FEpVa\D5\93u\D67\D0\15rgbG\1D\11\A71\B7g\D5i\85f0\CF\E9\E2\E0\B1\D76\D6\08\E4\04\F3+\A8\BD\D0\C3\A6\D6\DAK\88\D3\A4\BE\BD\E7\A8\94\13\CC\DD%\D6\D2d\16W\DCr\B8\B3E\11\AF\D4\1E\8B-g8\F9\CD*8\8C\89\D3\01\FEg\C7\8F\B1\C5S\95\CA}\AEIl{\D0\0B\A8x\EA\19.\18\95\D8\18\D54\00QB\9F\E7\11o\8289\91\13\CC\BC\F4\B4'\A8h\AF0\F2\1Ec\A1\10\A7S\B9\A7B\E7\CD0\C3\A3d`\9B\80\CE\89\F5\\\E7\FA\8C\\\DFWh\9B\16""\BD\B19\9E\9A\AC\93\FA4K\D0\DE\C5(Y\EC\D1(xPjf\DBf\AE \0AZ\98\B1C&lt;%74\02:\8FY\DB\1F=\C6\94\A</w:t>
            </w:r>
            <w:r w:rsidRPr="00910B4C">
              <w:lastRenderedPageBreak/>
              <w:t>0\95\0B\D4\9D\11\B0\C9A7\96\1E\CD8\9B61\DC\ED\F4lN\FC\DC|l\CF@\EF\DDi'l\09#\D3Bs&amp;\C4n \DA\9B\E8J.\8C\10\F8QVf\A9\BAM0\B6@\AD&gt;\C3\98\0E\E0\0E-A\F8\DD\F9\FC\8E\DA\DDq\B4\0C]\94\04\A5\83\E3B\8C\A9@4\1A\F4^L0\17\12\99(Xj)(\F1\B8\90Y\EB\D6Y\A7\C96\8D\87W\C4\C4\C5p:\F6\1A'cP\FB\A2\1F\01TZ\9A~t\08\C8Z\F0\D8#otPc\A2\E6)5\FDA;5'\CE\9Ap\D95\C4zF\9C\0D\EF\E27\19A\FB\99\11\97\D1\87\88\085Wa\F6\01\AE+\08\FAX\C2\C3\BD\F3\86\84\C5\81\93\98\8C@\FC\04\FB\93Z)\E0\E4c\E6\CD\10J\01A\9C$NL\DB(\19\B9\C54\C4u\A8w\DF\988\1F\90Wf\8B\13\CChe\167\B1\19\A5\B3@\9CtE\1F#\D1&lt;\84\14\E8[\FB\D8\83\CC;\D3\E98g\93\C1\DC\B8\E8\0B\DA\1CH\91\C8\83\DC\A3i\1C\05\E2\D7q\0Fj9g\9D\C6\163\85\BD'\F6\DE\C5,\91g\FD\98\80\E3\A2\C4\93\C8\CCR\13\9E\C9\88\CB}\B89`v\CE\DC(\A1?\89\87\CD\AAW\C3\EC\BD|^v\FA;!\B4\D2\9Bd\1B\9F\08{\1F\EEa\CD\F7t0\8A\8D~\91\AB\85J\88\F3\F3\\\FB8\1B1\81\08\92\D3c\CC\FEN\09\DA\88\99\B9\A6m\E9+&amp;\BE}\00cN\09Ff\80\821\8E\CCI\D5Gwz\96\DAkQ\AE\BB\E8\83\8B\019\DB\91k\C9\90\1BnA\8F\C2\F9Qh\89!5\A3/\8D\EDq\8B9&lt;\13cr.\9E\E0""\12\DC\CE\84?Wh\F3\C6W\E1\D5YU.6\E4S\97\8B8\F9\99\19\BCZ\10\17\F7\F0\FB\02R\D8e\FC\A9\A9+\C4Z</w:t>
            </w:r>
          </w:p>
        </w:tc>
      </w:tr>
      <w:tr w:rsidR="009F1CC8" w14:paraId="3A6E8D91" w14:textId="77777777" w:rsidTr="009F1CC8">
        <w:tc>
          <w:tcPr>
            <w:tcW w:w="1418" w:type="dxa"/>
          </w:tcPr>
          <w:p w14:paraId="4BC2A2E6" w14:textId="351D4DDA" w:rsidR="009F1CC8" w:rsidRDefault="009F1CC8" w:rsidP="009F1CC8">
            <w:pPr>
              <w:rPr>
                <w:rFonts w:hint="eastAsia"/>
              </w:rPr>
            </w:pPr>
            <w:r w:rsidRPr="00247E8E">
              <w:lastRenderedPageBreak/>
              <w:t>2022/07/14 09:58:05</w:t>
            </w:r>
          </w:p>
        </w:tc>
        <w:tc>
          <w:tcPr>
            <w:tcW w:w="1560" w:type="dxa"/>
            <w:vAlign w:val="center"/>
          </w:tcPr>
          <w:p w14:paraId="04F029C0" w14:textId="3EA3CB21"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0C7E5636" w14:textId="2CB478C5"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65BE1694" w14:textId="2289F7DB"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4875181D" w14:textId="21F661AE" w:rsidR="009F1CC8" w:rsidRDefault="009F1CC8" w:rsidP="009F1CC8">
            <w:pPr>
              <w:rPr>
                <w:rFonts w:hint="eastAsia"/>
              </w:rPr>
            </w:pPr>
            <w:r>
              <w:rPr>
                <w:rFonts w:ascii="等线" w:eastAsia="等线" w:hAnsi="等线" w:hint="eastAsia"/>
                <w:color w:val="000000"/>
                <w:sz w:val="22"/>
              </w:rPr>
              <w:t>80</w:t>
            </w:r>
          </w:p>
        </w:tc>
        <w:tc>
          <w:tcPr>
            <w:tcW w:w="4252" w:type="dxa"/>
          </w:tcPr>
          <w:p w14:paraId="4F2ADD09" w14:textId="6F9B76C9" w:rsidR="009F1CC8" w:rsidRDefault="009F1CC8" w:rsidP="009F1CC8">
            <w:pPr>
              <w:rPr>
                <w:rFonts w:hint="eastAsia"/>
              </w:rPr>
            </w:pPr>
            <w:r w:rsidRPr="00910B4C">
              <w:t>Q\EEI\03\F1\AF\98|u\A6^\F8W\C0\BA3\EB\FAU\F6\BB{\E2y/5\FDz\C6\D0\90o\CC0\19!\D3\DF\BF\94\03\06e\1C\95\86Lg\90q\A9.T}\0EQ\84U\AA*\92\EFh\FA\A5v\F5\B2|\AB[7f\DAOK\9E\EF\F0\FF\00\C5?\0D\FC?\05\A7\84\BC3\E2\1D\14\CB\11dK8oci\A5pp\E4\F3\97}\C0\E7\BEk\C3\FE(x\A7Q\F1\07\8D5\BB\09\17V\D2\ECf\9E;\0B\CD\12\DE\F8\C7,s(\C5\B5\FC\B2\F2\90[\B3&lt;|)\F9\F6\A1&lt;\AB\8A\E4/\A3\BA\D6\E4\D4\F5\E4\D0.&lt;[\E0\CDq\A1\D3\A5\F0\FD\D1\FB&lt;\96wfT(\96\89\E5+$\8B\04\91\BCRF\142\EEi\0A\B0\C0\FAC\E0\E4P\FC@\F8?m\FF\00\09\04\09\AAMwo&gt;\8F}u0\CB\DF\C3\0C\B2\C2\AE\EC9;\D43px.\</w:t>
            </w:r>
            <w:r w:rsidRPr="00910B4C">
              <w:lastRenderedPageBreak/>
              <w:t>D8\AC\14\9DOwc\E8eJ\9EO'\8D\92s\E6i;\B5t\DE\AF\E6\AC\F7KU\16\A5\BD\B8_\89\7F\0D&lt;O\AC^\E9\BAl\FAm\9E\BA\DE""\B0\82=f\E6\DE\10\90C{lAY\D4HHP\EA\DBw0s\FB\94\C2\9C\15=\87\C3\7F\83z\DF\83-5\88e\F1E\C5\B1\D4E\B3,\96m\E7\CDn\D1+!\FD\E5\C2\B8|\A7\96\BFqTy\7F* !G\AAi\D6I\A6\E9\F6\B6q\BC\B2\C7o\12\C4\AF3\97v\0A\00\05\98\F2O\1C\93\D6\ACV\EA\94S\E6&gt;v\AEu\88\9D\0F\AB+r\F5\D3{5m\1D\D2\B2IYtG\03\A6\FC\1E\B1\B1\BE\BA\BC\9B^\F1\15\E4\F7S-\C4\DB\B5I!V\95p\03b-\98\18\00\15\1F)\EE\B5\E3\DF\10\BFg\AB\FBS}\E2\D6\13k\DA\CD\DD\C3Ks\A6i\AB*&lt;\AC\ED!E\12y\EA\04A\CC\05\F2\8Cv\C3\C6z\1F\A7\E8\A7*Q\92\B1\18\\\EB\1B\85\A9\ED#;\DE\C9\FAv\F2^\96z.\C7\C5&gt;=\D7\AE\FC;8\F0\CD\86\A3,\BE\17\D3\DD,\AD\E3\B5\90$\17\9A\9A\B7\98\DB\961\BC\C6\19\C1\9Bx)\B5Y\95\83\8CW\D1_\0A\F5\DDG\E2\B7\80nW\C5\9A-\B3\D8\CF\9Bu\9Fxx\B5\18\F1\87\90G\B4lP\D9Q\C9\07n\E5%J\B1\CE\F8\95\F0KK\D5\B5\06\F1\15\B4I\F6\9F:\DF\ED\D6\F7\13\B46\CDd\8EZdP\98\C3\1D\CC\FB\8E~a\D4\0A\E4\B5y\BCI\7F\A5\B6\A5\A6M&gt;\89\F0\EFK\DA\91\DD\E9B{K\E9-\08o6X\A2i$I\15&gt;B\19\D3s\86r\A3\85/\CF\18\CA\9C\9D\F6&gt;\A2\BD|6i\85\A7\0AIFi\EB'\A5\A5\A6\D6\DER\7F~\AD-4\EA&lt;\1D\7Fw\F0\7F\C6\16\FE\07\D5\AE%\BA\F0\DE\A3\B8\F8\7FQ\B89h\98rm$n\E4\7F\09\EE8\FA{\15yU\FE\96\DF\19&gt;\1B\DE\E9S\C6\B0\DD\DB\88\EE4\BDf\DEq4\17\0C\06\EB{\A8e\1C\9C\E0n\04\02\09a\C8\C3\1E\87\E1\0F\8De\F1\DF\81\AC\EF\AF\13\CA\D5m\D9\AC\F5\08O\06;\98\CE\D7\1F\89\19\FCk\A2/\A7C\E51\B4\9C\E2\EB?\8D;O\D7\A4\BE}|\D7\99\CD\FCjO\F8I\BCE\E0O\06\E70jz\9F\DB/\13\FB\D6\F6\CB\E6\15&gt;\C5\B6\8A\ED|u\E0\B8|m\A3Ehn\E7\D3/-n#\BB\B2\D4-q\E6\DA\CE\87\E5u\C8 \F0YH#\05Y\81\EB\\\9D\D4M}\FBH\D8\E7\94\D3\FC2\F2\81\E8e\B9\DB\9F\CA:\F4\FAi^</w:t>
            </w:r>
            <w:r w:rsidRPr="00910B4C">
              <w:lastRenderedPageBreak/>
              <w:t>\F73\ADVT#ASvqW\F9\B6\FF\00K#\E7\FD\03\E0'\8D4\DF\14j\9A\83x\97J\D3?\B57\A5\EE\A1\A4\DB\CE\B7,\AET\CA`\8D\E4h\ED\DER\88Y\94\1C\14\04`\F4\F7\1D\07C\B2\F0\CE\8Bc\A4\E9\D0\8B{\1B8V\08c\1C\EDU\18\1C\F7&gt;\F5~\B3\1B\C4\16+\E2D\D0\CD\C8]M\AD\1A\F5m\CA\9C\BC!\C23\03\D3\E5fPGm\EB\EBDc\18lF'\19\89\C7\FF\00\13[.\8B\B7Wn\DF\81\A7EEuu\0D\95\BC\93\DCM\1C\10F7&lt;\92\B0UQ\EAI\E9\\\D3|V\F0`\D5-4\C1\E2\BD\16MJ\EEe\B7\82\CE;\F8\9EY$a\90\A1\03\13\92=\AA\DBKs\8A\9D\1A\B5n\E9\C1\BBvW:\AA)\8B4rH\E8\AE\AC\F1\90\1DA\04\AEFF}8\A8e\D4\EC\E1\BE\82\CAK\B8#\BD\9DY\E2\B7i\14I""\AF\DE*\B9\C9\03\BE:S3QoD\8B\0C\A1\D4\AB\00\CA\C3\04\11\90k\8B\D7\FE\1B\FF\00\C2U\E2\C8\EF\B5]R\E2\E7\C3\B0\C1\16\CF\0F`\0Bw\B9Fc\E7Hz\B0\C1@\13\85\CA\E4\83Z\FA\FF\00\8Et/\0C\DA\EA\F3j:\8C0\0D&amp;\D0_^G\CBI\14\07pW\D8&gt;b\18\A3\81\81\C9R\075\BA\AC\19C\0EA\19\15:KC\A6\9C\AB\E1\7Fy\14\E3}/oG\A3\EFf\B5Z\EB\E6R\D24=?A\B7\92\0D:\CE\1B($\95\E7h\E0@\8A]\CEY\B0;\93\CDy\AF\84#\FF\00\84G\E3\C7\8BtE\F9,\B5\CB8u\C8\13\B0\94\13\14\D8\F7$)\FC\AB\D6+\CC&lt;i\13Z\FCt\F8sx\BC-\CC\1A\8D\93{\FE\E4J?\F4\0A\99if\8E\8C$\DDGV\13w\E6\8C\BF\F2U\CD\FA\0Fk\81k\FBHym\FF\00/~\16P\9FX\EE\9C\9F\D2A^\99^</w:t>
            </w:r>
          </w:p>
        </w:tc>
      </w:tr>
      <w:tr w:rsidR="009F1CC8" w14:paraId="49FED852" w14:textId="77777777" w:rsidTr="009F1CC8">
        <w:tc>
          <w:tcPr>
            <w:tcW w:w="1418" w:type="dxa"/>
          </w:tcPr>
          <w:p w14:paraId="189179DE" w14:textId="01BA98C7" w:rsidR="009F1CC8" w:rsidRDefault="009F1CC8" w:rsidP="009F1CC8">
            <w:pPr>
              <w:rPr>
                <w:rFonts w:hint="eastAsia"/>
              </w:rPr>
            </w:pPr>
            <w:r w:rsidRPr="00247E8E">
              <w:lastRenderedPageBreak/>
              <w:t>2022/07/14 09:58:05</w:t>
            </w:r>
          </w:p>
        </w:tc>
        <w:tc>
          <w:tcPr>
            <w:tcW w:w="1560" w:type="dxa"/>
            <w:vAlign w:val="center"/>
          </w:tcPr>
          <w:p w14:paraId="1FFCF12C" w14:textId="040E10E1"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45BCEF50" w14:textId="2AAA31DA"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7C35B117" w14:textId="5E472ED1"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32D7C82D" w14:textId="6BDBF1B9" w:rsidR="009F1CC8" w:rsidRDefault="009F1CC8" w:rsidP="009F1CC8">
            <w:pPr>
              <w:rPr>
                <w:rFonts w:hint="eastAsia"/>
              </w:rPr>
            </w:pPr>
            <w:r>
              <w:rPr>
                <w:rFonts w:ascii="等线" w:eastAsia="等线" w:hAnsi="等线" w:hint="eastAsia"/>
                <w:color w:val="000000"/>
                <w:sz w:val="22"/>
              </w:rPr>
              <w:t>80</w:t>
            </w:r>
          </w:p>
        </w:tc>
        <w:tc>
          <w:tcPr>
            <w:tcW w:w="4252" w:type="dxa"/>
          </w:tcPr>
          <w:p w14:paraId="1B2733E7" w14:textId="3A28F056" w:rsidR="009F1CC8" w:rsidRDefault="009F1CC8" w:rsidP="009F1CC8">
            <w:pPr>
              <w:rPr>
                <w:rFonts w:hint="eastAsia"/>
              </w:rPr>
            </w:pPr>
            <w:r w:rsidRPr="00910B4C">
              <w:t>TO\EAH\1D\BA\95,%K\D1\12\B2\9C,G\0D\E46r\1BZJV\90\15h\19YEV\A1\E5d\03\D9\80\1A\C9V\B2\15\DDF\B6\93\ED\E8v\B2\93\ECD+\C8\1E\B2\07\AD$\FB\C8~\B4\8A\BC@^@_ \E7\C9\CB\E8\0Er\81\\D_$o\907\D1\1A\F26y\1B}\89\BCK\DEEk\C9er\19\DDM\A6\C94\BA\87\\!WPS\E8\C6\D0""\A4\87n\0E\DD\8C\8CP](\8E\D6\85^\0B\BD\86\D6\FF\9Fj\1F\A3$\CA\A1\AB(\8F\0A\B6\93`\C2\AC\E0\9CJ\B3m\C0,p\01\BF\82/\E2W\F1k\F8\0F\F8\8F\F8O\F8u\FCg\FC\17\FCW\FC7\FCw\FC\06\B3\CD;\CC&amp;\EF\E3,\B3\C3""\A6\FF:\A6\F7\E5</w:t>
            </w:r>
            <w:r w:rsidRPr="00910B4C">
              <w:lastRenderedPageBreak/>
              <w:t>L\DF+\98\9E70\FDngz\DDc\EB\93i\93i\92\E9\F1\15r\D1\D6#\D3\E2\BBL{\D3\E4\0A\D3X$tSh\11\D3\19\D3\17\D3\95\E3\D1\15\F6\DDB\E8\7F\FF\0A\ACP\0Aendstream\0Aendobj\0A19 0 obj\0A&lt;&lt;\0A/</w:t>
            </w:r>
            <w:proofErr w:type="spellStart"/>
            <w:r w:rsidRPr="00910B4C">
              <w:t>BaseFont</w:t>
            </w:r>
            <w:proofErr w:type="spellEnd"/>
            <w:r w:rsidRPr="00910B4C">
              <w:t xml:space="preserve"> /CIDFont+F2\0A/</w:t>
            </w:r>
            <w:proofErr w:type="spellStart"/>
            <w:r w:rsidRPr="00910B4C">
              <w:t>DescendantFonts</w:t>
            </w:r>
            <w:proofErr w:type="spellEnd"/>
            <w:r w:rsidRPr="00910B4C">
              <w:t xml:space="preserve"> [ &lt;&lt;\0A/</w:t>
            </w:r>
            <w:proofErr w:type="spellStart"/>
            <w:r w:rsidRPr="00910B4C">
              <w:t>BaseFont</w:t>
            </w:r>
            <w:proofErr w:type="spellEnd"/>
            <w:r w:rsidRPr="00910B4C">
              <w:t xml:space="preserve"> /CIDFont+F2\0A/</w:t>
            </w:r>
            <w:proofErr w:type="spellStart"/>
            <w:r w:rsidRPr="00910B4C">
              <w:t>CIDSystemInfo</w:t>
            </w:r>
            <w:proofErr w:type="spellEnd"/>
            <w:r w:rsidRPr="00910B4C">
              <w:t xml:space="preserve"> &lt;&lt;\0A/Ordering 12 0 R\0A/Registry 13 0 R\0A/Supplement 0\0A&gt;&gt;\0A/</w:t>
            </w:r>
            <w:proofErr w:type="spellStart"/>
            <w:r w:rsidRPr="00910B4C">
              <w:t>CIDToGIDMap</w:t>
            </w:r>
            <w:proofErr w:type="spellEnd"/>
            <w:r w:rsidRPr="00910B4C">
              <w:t xml:space="preserve"> /Identity\0A/</w:t>
            </w:r>
            <w:proofErr w:type="spellStart"/>
            <w:r w:rsidRPr="00910B4C">
              <w:t>FontDescriptor</w:t>
            </w:r>
            <w:proofErr w:type="spellEnd"/>
            <w:r w:rsidRPr="00910B4C">
              <w:t xml:space="preserve"> &lt;&lt;\0A/Ascent 859\0A/</w:t>
            </w:r>
            <w:proofErr w:type="spellStart"/>
            <w:r w:rsidRPr="00910B4C">
              <w:t>CapHeight</w:t>
            </w:r>
            <w:proofErr w:type="spellEnd"/>
            <w:r w:rsidRPr="00910B4C">
              <w:t xml:space="preserve"> 683\0A/Descent -140\0A/Flags 6\0A/</w:t>
            </w:r>
            <w:proofErr w:type="spellStart"/>
            <w:r w:rsidRPr="00910B4C">
              <w:t>FontBBox</w:t>
            </w:r>
            <w:proofErr w:type="spellEnd"/>
            <w:r w:rsidRPr="00910B4C">
              <w:t xml:space="preserve"> 14 0 R\0A/FontFile2 16 0 R\0A/</w:t>
            </w:r>
            <w:proofErr w:type="spellStart"/>
            <w:r w:rsidRPr="00910B4C">
              <w:t>FontName</w:t>
            </w:r>
            <w:proofErr w:type="spellEnd"/>
            <w:r w:rsidRPr="00910B4C">
              <w:t xml:space="preserve"> /CIDFont+F2\0A/</w:t>
            </w:r>
            <w:proofErr w:type="spellStart"/>
            <w:r w:rsidRPr="00910B4C">
              <w:t>ItalicAngle</w:t>
            </w:r>
            <w:proofErr w:type="spellEnd"/>
            <w:r w:rsidRPr="00910B4C">
              <w:t xml:space="preserve"> 0\0A/</w:t>
            </w:r>
            <w:proofErr w:type="spellStart"/>
            <w:r w:rsidRPr="00910B4C">
              <w:t>StemV</w:t>
            </w:r>
            <w:proofErr w:type="spellEnd"/>
            <w:r w:rsidRPr="00910B4C">
              <w:t xml:space="preserve"> 15 0 R\0A/Type /</w:t>
            </w:r>
            <w:proofErr w:type="spellStart"/>
            <w:r w:rsidRPr="00910B4C">
              <w:t>FontDescriptor</w:t>
            </w:r>
            <w:proofErr w:type="spellEnd"/>
            <w:r w:rsidRPr="00910B4C">
              <w:t>\0A&gt;&gt;\0A/Subtype /CIDFontType2\0A/Type /Font\0A/W 17 0 R\0A&gt;&gt; ]\0A/Encoding /Identity-H\0A/Subtype /Type0\0A/</w:t>
            </w:r>
            <w:proofErr w:type="spellStart"/>
            <w:r w:rsidRPr="00910B4C">
              <w:t>ToUnicode</w:t>
            </w:r>
            <w:proofErr w:type="spellEnd"/>
            <w:r w:rsidRPr="00910B4C">
              <w:t xml:space="preserve"> 18 0 R\0A/Type /Font\0A&gt;&gt;\0Aendobj\0A20 0 obj\0A&lt;&lt;\0A/</w:t>
            </w:r>
            <w:proofErr w:type="spellStart"/>
            <w:r w:rsidRPr="00910B4C">
              <w:t>BitsPerComponent</w:t>
            </w:r>
            <w:proofErr w:type="spellEnd"/>
            <w:r w:rsidRPr="00910B4C">
              <w:t xml:space="preserve"> 8\0A/</w:t>
            </w:r>
            <w:proofErr w:type="spellStart"/>
            <w:r w:rsidRPr="00910B4C">
              <w:t>ColorSpace</w:t>
            </w:r>
            <w:proofErr w:type="spellEnd"/>
            <w:r w:rsidRPr="00910B4C">
              <w:t xml:space="preserve"> /</w:t>
            </w:r>
            <w:proofErr w:type="spellStart"/>
            <w:r w:rsidRPr="00910B4C">
              <w:t>DeviceRGB</w:t>
            </w:r>
            <w:proofErr w:type="spellEnd"/>
            <w:r w:rsidRPr="00910B4C">
              <w:t>\0A/Filter /</w:t>
            </w:r>
            <w:proofErr w:type="spellStart"/>
            <w:r w:rsidRPr="00910B4C">
              <w:t>DCTDecode</w:t>
            </w:r>
            <w:proofErr w:type="spellEnd"/>
            <w:r w:rsidRPr="00910B4C">
              <w:t>\0A/Height 96\0A/Length 4843\0A/Subtype /Image\0A/Type /</w:t>
            </w:r>
            <w:proofErr w:type="spellStart"/>
            <w:r w:rsidRPr="00910B4C">
              <w:t>XObject</w:t>
            </w:r>
            <w:proofErr w:type="spellEnd"/>
            <w:r w:rsidRPr="00910B4C">
              <w:t>\0A/Width 96\0A&gt;&gt;\0Astream\0A\FF\D8\FF\E0\00\10JFIF\00\01\01\01\00`\00`\00\00\FF\DB\00C\00\03\02\02\03\02\02\03\03\03\03\04\03\03\04\05\08\05\05\04\04\05\0A\07\07\06\08\0C\0A\0C\0C\0B\0A\0B\0B\0D\0E\12\10\0D\0E\11\0E\0B\0B\10\16\10\11\13\14\15\15\15\0C\0F\17\18\16\14\18\12\14\15\14\FF\DB\00C\01\03\04\04\05\04\05\09\05\05\09\14\0D\0B\0D\14\14\14\14\14\14\14\14\14\14\14\14\14\14\14\14\14\14\14\14\14\14\14\14\14\14\14\14\14\14\14\14\14\14\14\14\14\14\14\14\14\14\14\14\14\14\14\14\14\14\FF\C0\00\11\08\00`\00`\03\01""\00\02\11\01\03\11\01\FF\C4\00\1F\00\00\01\05\01\01\01\01\01\01\00\00\00\00\00\00\00\00\01\02\03\04\05\06\07\08\09\0A\0B\FF\C4\00\B5\10\00\02\01\03\03\02\04\03\05\05\04\</w:t>
            </w:r>
            <w:r w:rsidRPr="00910B4C">
              <w:lastRenderedPageBreak/>
              <w:t>04\00\00\01}\01\02\03\00\04\11\05\12!1A\06\13Qa\07""q\142\81\91\A1\08#B\B1\C1\15R\D1\F0$3br\82\09\0A\16\17\18\19\1A%&amp;'()*456789:CDEFGHIJSTUVWXYZcdefghijstuvwxyz\83\84\85\86\87\88\89\8A\92\93\94\95\96\97\98\99\9A\A2\A3\A4\A5\A6\A7\A8\A9\AA\B2\B3\B4\B5\B6\B7\B8\B9\BA\C2\C3\C4\C5\C6\C7\C8\C9\CA\D2\D3\D4\D5\D6\D7\D8\D9\DA\E1\E2\E3\E4\E5\E6\E7\E8\E9\EA\F1\F2\F3\F4\F5\F6\F7\F8\F9\FA\FF\C4\00\1F\01\00\03\01\01\01\01\01\01\01\01\01\00\00\00\00\00\00\01\02\03\04\05\06\07\08\09\0A\0B\FF\C4\00\B5\11\00\02\01\02\04\04\03\04\07\05\04\04\00\01\02w\00\01\02\03\11\04\05!1\06\12AQ\07aq\13""2\81\08\14B\91\A1\B1\C1\09#3R\F0\15br\D1\0A\16$4\E1%\F1\17\18\19\1A&amp;'()*56789:CDEFGHIJSTUVWXYZcdefghijstuvwxyz\82\83\84\85\86</w:t>
            </w:r>
          </w:p>
        </w:tc>
      </w:tr>
      <w:tr w:rsidR="009F1CC8" w14:paraId="4DDF0968" w14:textId="77777777" w:rsidTr="009F1CC8">
        <w:tc>
          <w:tcPr>
            <w:tcW w:w="1418" w:type="dxa"/>
          </w:tcPr>
          <w:p w14:paraId="019C3FB4" w14:textId="4F813B53" w:rsidR="009F1CC8" w:rsidRDefault="009F1CC8" w:rsidP="009F1CC8">
            <w:pPr>
              <w:rPr>
                <w:rFonts w:hint="eastAsia"/>
              </w:rPr>
            </w:pPr>
            <w:r w:rsidRPr="00247E8E">
              <w:lastRenderedPageBreak/>
              <w:t>2022/07/14 09:58:05</w:t>
            </w:r>
          </w:p>
        </w:tc>
        <w:tc>
          <w:tcPr>
            <w:tcW w:w="1560" w:type="dxa"/>
            <w:vAlign w:val="center"/>
          </w:tcPr>
          <w:p w14:paraId="62448E4B" w14:textId="6FD53253"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7B13AC09" w14:textId="60F89E8D"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3CBBC3F0" w14:textId="3CE75F90"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0A58B2F8" w14:textId="1349F713" w:rsidR="009F1CC8" w:rsidRDefault="009F1CC8" w:rsidP="009F1CC8">
            <w:pPr>
              <w:rPr>
                <w:rFonts w:hint="eastAsia"/>
              </w:rPr>
            </w:pPr>
            <w:r>
              <w:rPr>
                <w:rFonts w:ascii="等线" w:eastAsia="等线" w:hAnsi="等线" w:hint="eastAsia"/>
                <w:color w:val="000000"/>
                <w:sz w:val="22"/>
              </w:rPr>
              <w:t>80</w:t>
            </w:r>
          </w:p>
        </w:tc>
        <w:tc>
          <w:tcPr>
            <w:tcW w:w="4252" w:type="dxa"/>
          </w:tcPr>
          <w:p w14:paraId="07D69356" w14:textId="4F98DBB2" w:rsidR="009F1CC8" w:rsidRDefault="009F1CC8" w:rsidP="009F1CC8">
            <w:pPr>
              <w:rPr>
                <w:rFonts w:hint="eastAsia"/>
              </w:rPr>
            </w:pPr>
            <w:r w:rsidRPr="00910B4C">
              <w:t>V\1B\9F\1F\CE3irJ\03-\ADS\16\9Fd\D9\AE%\9E\9D\AAuFjy&lt;2T\1B?]\9B\11z\11l\F9J&lt;}a#\AF-KT'\B4\D3\14EWG\9B[Y4Y\97\D8\D3K\CF?\C7[{\95\80,\F7n\8C\D5\876~\A8\16\EF\D5i_\9AM\F0B\9A*\A2\B97\AD\0D\F1z\AF\90\B3\D3j\F0&amp;\ED\8C\C7y\A3\D5h$\0D\96\F0f[\8A\01~g=V\E5\10R$\A4\11\D3~\0B}\F5\BF\18\19\0A9\A6k\C8)\F2\A0\B2\09\AEo\1C]\B9!N\86\93Ng\05\F6\98Z\B9\EF\9E{V&amp;\F7\90=\8D\C6\CA\D2\C2\C2\B9\95s\9F\D7\00\F6p\BF}\D7)\B3\CB\9DUC\95G\03\F7C\B3E\82Y_g\9F'\D8\D3S\D0\DBi\0A\1E_I\D6\1F\93\FFSY\B6\9E\AC(*\\\AE\A9R\88\89\EB\05\8B\1F\89\8Bl!h\AE\AA\1D\CD\DB\C1\F0\F7\D4D\AE%J\9BN\DF\B5\BF\1D\AC\1F\9Eg\\b=M\87UR\7FAb\FD\BB&amp;\E4\DF\9Cz\B91\88&amp;W[{\A4\D7po\8Ff\BC^\A7C\12\85\92Yj\8DfC\0A\82w\E7\D2\A7\F9\F1Z(D\1C'\DF\C5sU\DA\934\12\CE\83\1EMRv\87&amp;q\D8S\13h\1B\FC\C3\8E\D4W\D7\91w\A9\\^\B9\91\16L\DCsQ\DA6ttf\E6\E8P\AB\BFQ\88\8B\B4\DF\A7\17E\B1\D1\9A8u\D3\C1`B{\85~~~O\95\CA\ABb8\F47\D4\B3f\95\D9=\F3\AAgfVT\98\DE&lt;^\BB\1D\DBq\FCD-</w:t>
            </w:r>
            <w:r w:rsidRPr="00910B4C">
              <w:lastRenderedPageBreak/>
              <w:t>\D5\CF\BD\AC5\82\9B\D4\DF\BE\BAz\84\CDEi\D1\869\EF'\C5\AD\C9\1A\15T{qAzw\ADH\83\B0\D6\AC7\8Ahr#\1D\DF\C8j\EBG\A7y\12\0E\D5\93\BC\13\816\A3\FFK]J]\C9\FB\D7\0E\0DM\8C\8EN\0F\0F\9F\94\D8\9D(E=\CB\92r\88\8Apul\A8%Xk\F6\F0dtZ\FA\DEY\83\8B\7F@\DBM\E9\83\F0\A0\95\08\11\0C\B7\04M\CE\1B\BD\D6""\E3\E6\D9\D5H\CD\0B\E4\A4\CA\07'q\DC\EF\0F\07M\DE\8C\A2\E1\B1.\E96\1A\C3\9BKK+\C3+\AF\F9\A4\04\A4\DB\D9\CAni\F08%\1B\BE0X\DC\D2\DBZ\E3\A3\96Z&amp;en\9E\E3\D8\BF0y\D3\E4\E4d2yIZG\93A\BB5\11\0A\E9\AF\DD\F4\FD\DDu\89(\89\B3\8C\96l\A2\9E\89\DAh&gt;\\\17\FF\E0\A8\FC;\A1\96s\DC\97\A5\CF\A5y&lt;\D1f\D1\A4d\DA\17\E3^\B3]\BE\E7\D4\AFD\13\C9\87\CB\92\D2\AC\B1Kb\AD\99\B5\EBi\ABY\0B\C6\E7t&gt;\0Dvn\1D\95\BA\E8\82\D4F\F7\93\1B\8F-\DCw\E8\D2\E5\8D{\97\CF\9E]\BF\E1\F6\E9\E9[\CE7F~\F8\F2\A7/\D7\0E]\BE\F7\86\F3##\E7o\B8\F7\F2\A1\D6\C45\84\ACo\AE#}]\AE\D6\E6\00}\F5\D0dT\1B\BE\84fG\1F\B5K\80\1C\BEub\BDG_\83\01Z\B5N\E5i~d\A2\A7\8A\A2uvI\BD|R\D9\8F4\A5\93\D3\8DT4\BBi\8BEQ\D9]y$\E8\84\91$\86V!\A7\AF=\C4\B2\FD\B4\DC\15\89\B8\96n\89 \E9\06\ED4\E0\05\DF-%\E65\AA\D2\E6`(\D8\81\AD\F5hkd\F3\95\F5\98\A6\CDkg\17:-\D1j\D6i\AB15r\E27\FF\D9H\1A\87\C3Tp\91\06\8C\8DJ\F5_\D0\ACy\BC\13\B5;\E1\D8\09\E9X1\D6\88\9B\99\A8\C7\F3j\DB\A7v~~t\AA?7\07\ABA\FEL\E3W\AD\92\99$})+\E7\8FesSc\DDl\93\1E\DEw\ED\BE\CDM\97G6\A9\02\D8\A3D!ev\DF\D1\9AWM\E1o\13\00\FA&amp;\FC\02[f|.\CD\0F\1C\B8~\F3\D8\FE\1F\98h\EA\9D\01\B2k\EBc\AA\D6\BE\DE\BC\B1\13\8F\96\F5\91\DDA\1E\CC\DEP;6sD""\E2\DDA/&lt;'\CA+s\D7\8A\E8\C0\C8\E7\CA@m\93\10J\F3&amp;\AD\B5b\96u#iv\D6Z\8Cg#\A2\D5\CF\EBs[wu\C3\A3+Gg\1B\FDcu\A9\9Fy\14\8B\F69\D6\08\92\89\9B\E0\F9\16\7F\AD\9FUV\97\92K\AD\E0\B8\99\DCylq\F7\D6\D6\91\E5C\CB\EB\EB\DD\D3\C1\B1`i\A9{\FDM\A</w:t>
            </w:r>
            <w:r w:rsidRPr="00910B4C">
              <w:lastRenderedPageBreak/>
              <w:t>7\E4\D9\DDh\FA\F8\F4\8D7v\C5\18\1B\9B\9A\DA\DB\DD\FB\F9\BC\FC\8A\BE\F0\F7\\\D8WY\FE\D2\C7\E4\C9\B6\85\84W\A5\93\EC\B3&lt;UK\1F\DE|\BF\14G\1B\C7$&gt;\1E\D8\DB\DB\B85My""\A6\8E\A7\E5\95\0D\E5\A9\88\CD\FDIq\E7MY\FB7\D5\DAr\FD8\C6\0D\F9\97l\DE3:\BA:\B4\D2\8Bz\F5x\A8\A6\F6\CC\89\8A \A8\A9\14}OJ\F4\A5\E1\90\8F&amp;\E5\84Zr.u\F0h\EB\F4\C8\C8\D4\E8\E8\D4\C8\08\D1\FB\B6\FF\95\A6\92\84lH}\BA\E7X\EF\E0\EC\9E\DE\E4P\BF?\BBR\EE*{\BD\D9B\AC\AF\CF\92\D9\ED\BB2\EDq{\F9V\AC\15\7FK&amp;\B7\86\A0\1A\DE\F36L~\B1\13\AF\9F\14\CD\EB\E6\E6o\0AN\8Aw\B1\EC\D0a\9E_,\BA\8D.K\B3\83I\F1\CF\E5(\1F[\97/\B7\E6\09k\D7\A7\9Az\EF\9F\CF\89\E6\09i_$C\C7O\8E7\A6\A5Q&lt;\CF\8B\EBW\B2\B4\D1i\AB\C4\E3\F5\8A\1B\F6\AB\F8~H\99\DE\C5P\ED\AE\04\96\83\8AI\DFI\CE\1C\9B;t\DBm[wv\B2`</w:t>
            </w:r>
          </w:p>
        </w:tc>
      </w:tr>
      <w:tr w:rsidR="009F1CC8" w14:paraId="1A86CA04" w14:textId="77777777" w:rsidTr="009F1CC8">
        <w:tc>
          <w:tcPr>
            <w:tcW w:w="1418" w:type="dxa"/>
          </w:tcPr>
          <w:p w14:paraId="10797194" w14:textId="112A1853" w:rsidR="009F1CC8" w:rsidRDefault="009F1CC8" w:rsidP="009F1CC8">
            <w:pPr>
              <w:rPr>
                <w:rFonts w:hint="eastAsia"/>
              </w:rPr>
            </w:pPr>
            <w:r w:rsidRPr="00247E8E">
              <w:lastRenderedPageBreak/>
              <w:t>2022/07/14 09:58:05</w:t>
            </w:r>
          </w:p>
        </w:tc>
        <w:tc>
          <w:tcPr>
            <w:tcW w:w="1560" w:type="dxa"/>
            <w:vAlign w:val="center"/>
          </w:tcPr>
          <w:p w14:paraId="1E06FFD8" w14:textId="17984CA0"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0D91B7D5" w14:textId="48C05CDB"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2A46249C" w14:textId="16B72962"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5FF735AC" w14:textId="0BBB56B1" w:rsidR="009F1CC8" w:rsidRDefault="009F1CC8" w:rsidP="009F1CC8">
            <w:pPr>
              <w:rPr>
                <w:rFonts w:hint="eastAsia"/>
              </w:rPr>
            </w:pPr>
            <w:r>
              <w:rPr>
                <w:rFonts w:ascii="等线" w:eastAsia="等线" w:hAnsi="等线" w:hint="eastAsia"/>
                <w:color w:val="000000"/>
                <w:sz w:val="22"/>
              </w:rPr>
              <w:t>80</w:t>
            </w:r>
          </w:p>
        </w:tc>
        <w:tc>
          <w:tcPr>
            <w:tcW w:w="4252" w:type="dxa"/>
          </w:tcPr>
          <w:p w14:paraId="29D2E423" w14:textId="36312E4E" w:rsidR="009F1CC8" w:rsidRDefault="009F1CC8" w:rsidP="009F1CC8">
            <w:pPr>
              <w:rPr>
                <w:rFonts w:hint="eastAsia"/>
              </w:rPr>
            </w:pPr>
            <w:r w:rsidRPr="00910B4C">
              <w:t>\032\1B\E5\B6\D1&lt;63)\9AW\BC\AEh\1E\DD\98\85\9C\8D\FFib\F7#\CB\E9E&gt;\09]\0B\A3\8B\E4\1A\11\17\09Y\8A\E6%c\F9\F4z\FA\91\D2q\B8\99\BE\0C3 \B3Q~\FC|\D4\81}\8C\A9\A4:\B0\D9\94z1:{f\BB\D2\F1\C9\03\A1\1F\19\BD\02\C6L'\C3P\F2\99\BF\F7p'2R\19\A47s\FF\EB\BF\09_.\A4\FA\EB\7F\FC\87\EF\FF\F6\97\7F\B7\DF\0E\FF5\ED\D3\97D2\D2&amp;\95!\99\A5\1A\80W\11\8F\0B\03\8C\98\E9)k\C0\08\D2\F3\981J\E8Z\18\9D\B7&gt;e\A0[\1F\04:\E9-IE#\F0\09\F6\F4#\A5\E3x3\9D\8C3\A2\B3q\D4\A4'T\FE|(\13\DF\C6mlN\D8\01\E4d&amp;\BD\81\B2\97\BA\15\92C\C2L\8A\96U\07\98\E8n\DC\01\BD\EB\DA\1E\18\BB\0A\F8\C1b\CAg\CB\B6\BA\07\C6P\85\C1\174\94\BB\15\C6\07\C6\9A2S\88\DCZ\BB\01kJ:\17\E6\F7\FB\E4\AB\18\180\BA\1Eo\BB\CAp@\97h\CBp\95\E8\83\CE\0A\AF6\CE'\AE]du\A7\CC\8F\96W\DF)CI\00c\A0cUz\C6\7Fn1Q\07C\88#)c\D6\EF\DET\CD\AB*\02\DE;L\ED\E8$\9C'\8B\DD\9E\D5R\B7\C0[\F4#\DF\CFaD\C4\1B,o\E7I\DC\AD6\A7\87\D5D\9A\B8\FAq\9C9\A3\A9\E1#\1E\B1h\B0\81i\BBV\CD\E3\B2\DB\</w:t>
            </w:r>
            <w:r w:rsidRPr="00910B4C">
              <w:lastRenderedPageBreak/>
              <w:t>B3\EA\CDt\91\D9\D0\B3\BA\DB%]\AC\E6\D1u\A0\ED\995\04\BC\B9|\C9\A9c\B5yf}{V\A3\1F]\07j\B1\08b\1E-\AF\B6b\C2\90\E2hy\B5\15j\06\BC@\83)Y@-{p\AAX\9D.\D0\93\A5\D0\01,\B6\B74[e\F5\BAM\95\D8\BA\B8&amp;\09\FA\E1VW\F9\0D;\BC\E8\9DK\B8\B6)c\11\0E\9D\15Y\F0\8E\80(\09\86i\D4\DAj\11c\F7\BF\8C\1D\AE\F7\D8\0F\D0\1E\BC*\85\D6\E3y\AC\FBP\EE\08\99}\C6\F5w\92\9C\FF""\997\E8\05\82&lt;9\E6\FB\09*\CDE\98\C0gdn\E8T\A1\A9\83\C5U\15\F5\14\A7\B8\F0\AC3=\08\1F\17\\\D4\FE\9Eg\A3\94g\0C4U\94I\12\CF\B0\96/\A2\D4\F8\9A\BCF\A7\12G\DD\8C\96;K\9D\1E\8E\ED\8CF\1Bq\D8)c5\8F\E5\DC\ECtJEp\A3\E5\D5f&lt;\BA8\84\11uB;\19b'\EFA/\09M\02\99R\BF\16\1Ah\11*\D6uS\B0\FB\F2\FA\82\851\B6\EA\9C\87\F2\9A\13\FD\\\93\B1f\16k\FD^\E0\02\A6p\C9\C9\D7\D4\9E\C1\A0ly\91?yy\FD\CEE]\AC\E6\D9\19\D2\9E\B5%\CA\A0\CA\E5\E8g?\C35|{O\ED\E3/\92\08\13\07)}r\82\8C\92\97@|k\BC\AE\FC\92(\E6\91|\1F\E4\9D,\F9%l\C5\03\9F`Og/\81X\1EI\F3w$\FAO\CE/\A97\DC\A6\E2/z#qd\B0\F5\E8E\E4&lt;\85M,\09\CF!\A1\1F)=es1r\8Ft\1CF?sh6\D9\97\12\ED7io\CE_\C9\ACL9s\D6\AC\EC\E9o\D2\B7\846\A7\CD\C1\97N\9Bc\B2-\A7\CD\11\BA\8E\B49\82\0A,mNGj\AD\0C_\0C\D6\B40*\E7\00\CB\B9\C1b\DA\\\CAE\845Bg\B0\C6\D2}\C98#:\1BGc\DA\\]\AA|*\E97\E9%\C1\EC\F6\D5h\B1X(\DB\BD\EAj\80\E6&amp;U\F5\A4\FF5lO\C9s\9F\C0\EA\15Y\DD\98\8CrY'\E4&gt;\9A\\\D7N\C8\F8\CF\F5`\FF\E4\99\91,\A1nfn{\D73\8Bs\AAV73\B8\EB=\9Br9NFk7\B3p\B8\EB\99\F9\11\DE\D5\7F\E4\BB\9E\D9\E2K\ED\F7\CC\DC\F3\CC\88\C7\B5?gp\D73C\97!\DA\06\D2\9E\DD5\82L\AE\E74E\0A\FBs\B6\BF\EB\99\F99*\F4\8Ba#\FA\E0O\E5s\84sv\D7\D8\98\DC\A5\11\BB\A0\83\DC\F5\9Ea\D0\E1T\A3I\90\C6\BD\CE@I6\97\0EB=\CFvw\CF\BB\81\896\A76N\BF\1A\9Ec:N\C6\C2\0F\BF\1C\EAa\14\EC\D4+L@\BD\BB\BE\A9\D0\B6\CF\DE\98r{\9B\F2\FD!\BE\8</w:t>
            </w:r>
            <w:r w:rsidRPr="00910B4C">
              <w:lastRenderedPageBreak/>
              <w:t>A\0D9\C8Hm\EF\D9Z\04\CC\8F\C9yJh\EB\E5\CC\DE\F5\CC\10\1B\8A\8C\E7\FE\9E\F1|\0A\DE\16\F7\0Bze\00s\9B\0A\E0\B3Hafo\F7&lt;3t\0D\968\F0\CA\E8\CC\9D\03|\F4WR\C9\92\16\D7\16H\BA\EB\03\05n\83\9Db\ACt\A0\C0+}\83\85\85\8B\A0\FE\80d&lt;\98G\AC\1E\FF\D9\96a\11\CB\EF\10\B2\8A\F2;$t\C5\CA\EF8e\E5w\18\9F\94\EE\B4\95\DFqr\F9\1D\B7Z~'\9B\C2\A7\D7\D3y\F9\1D'\97\DF\19\90\8D\C6\B0\9B-\9B\82\AE\16\FB-[\C4\94\A9\7F\E0)\D5\CA\BE\9A\17|\EB\AD*\E1\CAB\D8\94S\19\A1\96amil\D6Ceur\AA\B6\AC\BA\F8Z^\BE8L\A3N{a\D5\C8I\12:pZN\86\E0I\12*\00\10\AC\15\19\A5t%\8C:\0A\96b\92\84[O\92`X\8D\13\EC\E9GFw\83$\89\11\DD\E8N\92h\11\E5ZG\8E\B6\EA\C0j\BD\D6\BF\A5}\C7WA\AD\ECE\D4\02\0B\BAP\0B\CF\98\0C\06N\19\18,Y\9E\9CQBW\C2\A8\17QKF3\D2\BE\83\8AF\E1\13\EC\E9GF\A7\E8D\C7\19\D15\A2\16\DA\DA\E6d\B7\DE\87\8E\89e9.\0B</w:t>
            </w:r>
          </w:p>
        </w:tc>
      </w:tr>
      <w:tr w:rsidR="009F1CC8" w14:paraId="6BE9905F" w14:textId="77777777" w:rsidTr="009F1CC8">
        <w:tc>
          <w:tcPr>
            <w:tcW w:w="1418" w:type="dxa"/>
          </w:tcPr>
          <w:p w14:paraId="7559BBBE" w14:textId="2493BD48" w:rsidR="009F1CC8" w:rsidRDefault="009F1CC8" w:rsidP="009F1CC8">
            <w:pPr>
              <w:rPr>
                <w:rFonts w:hint="eastAsia"/>
              </w:rPr>
            </w:pPr>
            <w:r w:rsidRPr="00247E8E">
              <w:lastRenderedPageBreak/>
              <w:t>2022/07/14 09:58:05</w:t>
            </w:r>
          </w:p>
        </w:tc>
        <w:tc>
          <w:tcPr>
            <w:tcW w:w="1560" w:type="dxa"/>
            <w:vAlign w:val="center"/>
          </w:tcPr>
          <w:p w14:paraId="0E84703F" w14:textId="2CF97FB8"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09D2DD0F" w14:textId="7AA59141"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79773674" w14:textId="3CC25B88"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6D70EE35" w14:textId="073E400F" w:rsidR="009F1CC8" w:rsidRDefault="009F1CC8" w:rsidP="009F1CC8">
            <w:pPr>
              <w:rPr>
                <w:rFonts w:hint="eastAsia"/>
              </w:rPr>
            </w:pPr>
            <w:r>
              <w:rPr>
                <w:rFonts w:ascii="等线" w:eastAsia="等线" w:hAnsi="等线" w:hint="eastAsia"/>
                <w:color w:val="000000"/>
                <w:sz w:val="22"/>
              </w:rPr>
              <w:t>80</w:t>
            </w:r>
          </w:p>
        </w:tc>
        <w:tc>
          <w:tcPr>
            <w:tcW w:w="4252" w:type="dxa"/>
          </w:tcPr>
          <w:p w14:paraId="206F6104" w14:textId="17CA3CBB" w:rsidR="009F1CC8" w:rsidRDefault="009F1CC8" w:rsidP="009F1CC8">
            <w:pPr>
              <w:rPr>
                <w:rFonts w:hint="eastAsia"/>
              </w:rPr>
            </w:pPr>
            <w:r w:rsidRPr="00910B4C">
              <w:t>\03V\AD\B7\BB\97g\B3K{]\0Cg7`\D8\EF\9C.V\BD\19I,\BCf\F7\B9\AC\BAoiSJ6A\E6\D4\D7E\CD\B6\94\D0q\1A\B2U\C5i\A8G+\1Bcm\8F\02\B0\D5\C5i\AE\BB_\8C\F1\82\A0FU\9C\C6\B1\9C~\F6\E9\BF\C2iB\B4\AA\BASl9u\BB\18Tq:\C1\94+\C5u\B8j\B3\A9\B8z0\AF\AA\F8-UZc.\A5\93VS2]Y\AE\85X3\AB\18\DF\B9\BE1\FF\B3\D1C\0A\A1\A7\ABd2\CA\DF[\11\B1\1EO\01\18SU\C2\0A\DC\10\EA\D1\B5uVq\A2[c2\A5\1F9=Wz2u\C9\8E|\1CB\A7*\E42Ck\E5\F5[\E8|\FD\A8RJ\86\19\90\E9(\9F\A7\C8\ADKZ\9A\04-\1B\A8\EC\95\8Ds\16\97S\E5\19F\853\C6TR\C7\A9\CE3\\\8Fle\B8bN\CFps\88o\CF*j\C8\D1\94RzV\B7.\E9b\B5\0A,\1Ez\D3\0B\EC+\A8R\8E\AC\AB\12\8Bxc\FBUu\07U:\87E\BB\A3\1A\E0\15\1A;V\8D\85\97\DF\CC\06b(1\09\1F3\FF\E8\97\8F\9A&amp;\88\8A\EA\E00\1Ak\94\F2\\7%\FAR\A2\C4\F3\96/\FB\8E\7FLw\B1)\C9\CCw\F3\DDl\CA\A2\F3\0A&lt;\8F\97\1D?\EE\87[\A6i\82\C5\\\8C\CF\FB\D9\94R7%\03\AA\CB\02\CF~uS\C6\E0\D6h\D9\7F\A3\A</w:t>
            </w:r>
            <w:r w:rsidRPr="00910B4C">
              <w:lastRenderedPageBreak/>
              <w:t>3\B1j\CD\86~q\8D.\B8\1A\FF&gt;\EB\FBO\FF\AB.\EE?\D6\FF\FF\8F';\13\FF\F7\E9O}\FB\7FO\B1\9A \97?\E1\D2\C5C\FE\FD\A9\04\81||\FA\E7\BF\9B\1C\\\E1\B3n}X\F813\9B3\19\FD&gt;\E6'\B1\B9\E2\F0\BE\BA\9CI\E4\93\D0\B50:\EF\BB\AF\06\DF\B2\EF^ \9F\F8DN\A9Xd&gt;\BD\9E~\A4tO\CD\CAe\98\01\99\8Dr\DB\F3\C1f\B6\ACS\14\C8\B7&lt;\1Fa\91;\B21\0B\99-\F4\CD\D8\8Cu\DD$&gt;\09]\0B\A3Dr\BD\84\8B\84L\CE\07\11\8B\C2\A7\D7\D3\8F\94\8E\C3\CD\F4\ABd6\CAm\CF\07\E3iY\A7$\90oy&gt;\88\DC\91\8DY\C8.\C1O\13\BB\1F\81\E5 \F2I\E8Z\18\9D\F7\DDU]F\C0EB&amp;\E7c\11\0B0|z=\FDH\E9\8EjL\CB0\032\1B\E5\96\E7\C3.\C1*\E4iY\A7,\90oy&gt;\16\BD\85n\0C!\17\FB\D3\C4\EEG\96\13D&gt;)]\09\A3\CB\BE\17#\E2b1\C2\F9X\C4""D&gt;\BD\9E~d\F4B$\9E\0C3 \D3Q\B48\A9+{i\0A3~\B3\116\D6N.\83\93y\17L~yv6\BE\BE&lt;\1B\FF\BAmB#_\0FUJ\11Q\C5\BA\A0\0BV\F0\18\C8\E7u\A1\07\15\E7\B5d\99QBW\C2\E8\B2\F5\81m\BD\17\E8\0B\B20\D1\88|\82=\FD\C8\E8\D4\85A\C7\19\D1A!\B8X_61\C6\E9\CFy\B7\C9S~\E09\B0\94\A3\AE\E0G\0C\95Ug0Z\D7\B0j\B6p\F8\EA\E0\07\C4\E4\A0\E0W\17L\19\F8\952\C0\94\A2\0BS\80X\1D\94QJW\C2h\94\C1O\04\C5\05\FC\98hX&gt;\C1\9E~dt\0Art\9C\11\9D\8E\A3\05\FC\90?W\E2\14\17\83\BC\01\1B\D0\89~\06?o^\9E}r\87\AAZE\AB*\B4\EA\EA\9D\E6\8A=-+g\DBC\DE\BD\9C\FE\AB\89a_\D79\A7\09\B9\DBu\8E\BE\AEpUi\EDK]\F3]]s{\80R\A7\B0\9F\B2\1AR\D9\BF`\14&gt;\7Fut\F7\C4\A4\A1\E8\0E\9C\D7\DB\A3;\10\97\12\07\CD\A8\CB\14\F5\CE\89\8CR\BA\12F\995K\B6&gt;\0A\F4\05\DD\A9hP\AB\D9/\09Z\CC\DE\A5tj\1E\037\CEE\BAF\BB\19\F9K\C1\19\EB;\C3\D9\EEb|\18\CED\C4D\BF\1B\8A\8A\D7\85.~\E0\E8\A2t\15*\99\1Fx\0E)]\09\A3\CC\A0%[\0F\02}A\17&amp;\1A\91O\B0\A7\1F\19\9D\EA\88\9E\1B\E8""]\A3\E1\EC}\DEDLo\03\F5\86\B3\8F</w:t>
            </w:r>
            <w:r w:rsidRPr="00910B4C">
              <w:lastRenderedPageBreak/>
              <w:t>\BE\1A\CE\A1\E4\F00\9C\85\13\D0\CCl9\01\A27\F1\C6GU\C6\14e\CE\B8Xd\F7&amp;\A5+a4\C8\E0'\82""\01?*\1A\96O\B0\A7\1F\19\9D\81\1C7\D0E\BAF\C3\19\F9\AB\DA\D4\94&amp;\B7b8\BBW[4\01a\A8w\9A+us{;\D4\04\AB\EA\C5V\A8\DB\EE\0A\18\E8m\FC\87\B1\FC\A1`\80\95\E3@\0B]I\1C(\10\1C\A1\F4\A4-\0E\C4\18%\F4\A4-\0E\94\06q\A0t%\0E\14\06q\A00\88\03%""\F6t\9C\11=(\8F\035\C6\B2\87\10\B5\C6\81\DA\808\7F\AF\F3\E5\E3@\14\FC\98\93\DE*\8B\03qL)\BA0E\8E\F7\F08\90\12F\A3\0C~""(\CAq\A0\E0\F8\04{:\8F\03Q\90\A3\E3\8C\E8\C1\E9\03?\1A\07\0A\F5B\0BU\BF\85\F9\05E\FE\C8\0B\8A\BC\FA\AD\7F\EF;%\FCXV\BF\8D\AB\AFk\E0\E7}l\FEnx\C73\9E/\EFC\A5\B8\CB\1C\\V\99\0F\95\C2\19\A5'm&gt;T\C6(\A1'm&gt;\D44\F0\A1\A6+&gt;\D40\F0\A1\86\81\0F\95\E2\AB\E7\CA\ADH\0F\CA}\A8\CA\95N\EAC}(\9Dg\E2\C0\91fe\1F\AA\0E\F0\1B\18\B2^\9B!+\FBJ\B9\0F5i\F3\A1\A6\81\0F5]\F1\A1R\A5\93\F9J\1D=$\03\90\E3\CA\ADH\D7\A8tR\1Fj\AFt\A6UM\11Vu\B2\FD\AA\A6\E8?\A2\FC\ED\7F\E0w\9B\1F</w:t>
            </w:r>
          </w:p>
        </w:tc>
      </w:tr>
      <w:tr w:rsidR="009F1CC8" w14:paraId="717E98F5" w14:textId="77777777" w:rsidTr="009F1CC8">
        <w:tc>
          <w:tcPr>
            <w:tcW w:w="1418" w:type="dxa"/>
          </w:tcPr>
          <w:p w14:paraId="1890BE8F" w14:textId="412AB3D4" w:rsidR="009F1CC8" w:rsidRDefault="009F1CC8" w:rsidP="009F1CC8">
            <w:pPr>
              <w:rPr>
                <w:rFonts w:hint="eastAsia"/>
              </w:rPr>
            </w:pPr>
            <w:r w:rsidRPr="00247E8E">
              <w:lastRenderedPageBreak/>
              <w:t>2022/07/14 09:58:05</w:t>
            </w:r>
          </w:p>
        </w:tc>
        <w:tc>
          <w:tcPr>
            <w:tcW w:w="1560" w:type="dxa"/>
            <w:vAlign w:val="center"/>
          </w:tcPr>
          <w:p w14:paraId="03EB3285" w14:textId="7A2C3625"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70FDBF20" w14:textId="0D261A36"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519A3246" w14:textId="09C84B55"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238786D1" w14:textId="63FEBAD1" w:rsidR="009F1CC8" w:rsidRDefault="009F1CC8" w:rsidP="009F1CC8">
            <w:pPr>
              <w:rPr>
                <w:rFonts w:hint="eastAsia"/>
              </w:rPr>
            </w:pPr>
            <w:r>
              <w:rPr>
                <w:rFonts w:ascii="等线" w:eastAsia="等线" w:hAnsi="等线" w:hint="eastAsia"/>
                <w:color w:val="000000"/>
                <w:sz w:val="22"/>
              </w:rPr>
              <w:t>80</w:t>
            </w:r>
          </w:p>
        </w:tc>
        <w:tc>
          <w:tcPr>
            <w:tcW w:w="4252" w:type="dxa"/>
          </w:tcPr>
          <w:p w14:paraId="214BBC2C" w14:textId="448895F8" w:rsidR="009F1CC8" w:rsidRDefault="009F1CC8" w:rsidP="009F1CC8">
            <w:pPr>
              <w:rPr>
                <w:rFonts w:hint="eastAsia"/>
              </w:rPr>
            </w:pPr>
            <w:r w:rsidRPr="00910B4C">
              <w:t>\06\82\AA\002(\C6\E4\CB^\95\D1\E7u\04B\D9&gt;o$\10\8A\16\E6i\15\BD\84\84OB\D8.\CE""\08E \CF\9C'\E4%\85\17\E3\E1\DC\DC\88\E0p*\B9\D1\BC\07 \9F@~,?\9E\DF\9E/\E5\AFW\A9|j2AM\1EW\13u\92l\8A\17\83\915\B1\91\B5\A6\915\B11\98\9D\C5\9A8\8BEf\B1&amp;\CE\BA\AB\F8kM\FC)\9B?&gt;\9B\B1\E4\E0^\B6\F61\FFe\86\F9`\0D\0E\1C\9CEp\FC\F4\AA\D5\D8\98\E6}\7F\06\F3\C1C&gt;.\8A\96\CC 8\E3x\E3\FA\FC\FC\88,G\14\C5\19!8\00?\D9\D4F\883\02I\F5\BE\AE\B6H\98\E9_\11!\C3\E9b\ED\EAT\D2+\A7(S\BC\8E\1C\A0\16:*\CB,\A1b!\14\B2d8\A9\DAU\86\CB\AA\C3-\9Fn{\1BM'w\7F&gt;u\82!\1C&amp;\B9\0D\F5\9F\1B\B48e\0C:\B856%\E22h}\D87\C5\BF\19B\9E\86\B9\E7\CB\C2\C1\8F\1B\17\F7TL\18\1B\EE\996?\E0\B6\BA\C2\E1A\FEK\C4\B6t\B8\E7\E5\99\CDy\94aG#\C3\FE\12\19\B6\9C\DC</w:t>
            </w:r>
            <w:r w:rsidRPr="00910B4C">
              <w:lastRenderedPageBreak/>
              <w:t>\CDF\EB\14\AD4\B2Xp\E7z\F2\04\B3\CB\EC\16\FC\95\F1\CA\96\CA\8B\94vW\BB\FB\A2\82\F5\AE\F5\EE\84+\E1\D6\15\95\AC\D4\AD\D5\89\AE\CAb\CF\C4\CA\F6\CA\EB\A4_I{*%\BDx\95n[\A58Z\C1Vv\FD=h\A5} T\CE8\B7\9Bq.\E9\C6%_c|\C4\A0;\0A\9D.WP\95W(\1A\F3\82\1A\12\F5e\EBi;f\B3&amp;\CBV\D1&amp;\CB\0EZ,\13\AD\EB\AD\82\C9:\C1*\D0q\BF\CA\9A\B2JV\89\B6\AD\15\07\FF\DE\87\D8\E0O\0A_\C4u\DA\9A\89\11b\8A\F8""B$\99\DA\1F7\D3\D3D\CC4=2\A6bNGo\CB\E3`&gt;\F8\19j\02\AC\E1Y\1F\D8\CB\14#\DA\E6\E6C\EC\DC;\C2\CB\FDQ\B5Y\09\E7\E5\E6\E7\16\E4\8A*}$'l\0AX\86\12\BF\CFlQG\B5E`\08\A10\FB\8DCA\93\AB*""\BA\B0\B1\08\D2\96\06\AA\930S\03\A3\ED(\EA\E53\C8Rdo\9Cj\07\0D*\14\84`\A1\C3\E9\C1&gt;\11\D7\B49\9D\C1\C2r\B1P\85\04\F0P[\A1\184&amp;\D5\1Fu\B5\05\FB\D3x\B4\D4b\ED\CF\E4\D8\17\FCj\D5!*\B7\94#\B5W\04\EC\D4*a\B7\A8Ti^G&gt;\A7\AB\B5\B4\DDB\FA\10;\CF\94\8B\1F\EB9\B8v\C9-\7F_\DDx]\9D\AFn\92`p\9F\99\95\B1l\CF5=\DFy\E6\F6i\F3\BAn\DE1\F6\E2\C5Cl6\AF\88\1C?e\E3Y+\9E\FD\D5_\9F\EC\D9vs$L\AE\9EW\1B\88D\CA\C3\8BzZ\87U\1F\F8\AF\CF\BB\7F\F6\DF\0B\CFv\E5\DBCe\D8\7F\CAPy\BA\88\BE\99\05\EF\B1\FE\B38\10\A7\ED\13\88\D3\BA\0F\C4\F3*\DC\81V\CB\9CJ\C5\E7\15\02A\97\CFk\0D\04\DD&gt;/\09\844&gt;\AF%\10\B2Z\90\02\14\\\8E\D3\D6w+\B4\D9\DC\12=\D4\1D\D4\B4+\AB\95=\8A\98RHL\99\A8\B4(\E2Le\9B\B2K\11\15\89fS\D8\B8V\92\A9/\1E\A2\C7b\A0'\9EE/\AD\B4\FA\DB\03\AB\03{\02b,01\D0\12\10\B7\05v\05\84\D67\B1\0F`\BB3\02\C0\0E\80= \CD\02l\E8\D3\B8A1*\BD]\19\163\1B\B9\16\C1'\88l\E4\0A\87F.\B5V\86\BF&gt;.{+?=n\85\8B\0E&gt;\D2;\1C\0Bc1\A1a\D0\E4\88\1B\87i4\16&gt;b\00\D2\F0\81\9BX\18k\B1 \F5\B6h\C1Z\0C\11+\AB\C5\A1\0DV2\D363C\98\E3lw\AE\D1\DFo\DA\16\96\AD.\12\0B\C7\C3\82GIWf\16\ABF\87+\D3\ECp\0BD\88e\C43\84\89\19$#)j7\B9\F3\0C\9A\AC\CC</w:t>
            </w:r>
            <w:r w:rsidRPr="00910B4C">
              <w:lastRenderedPageBreak/>
              <w:t>d\EA_\ACn0\F0\E9C\B4\CEh \1E\A0\F5\96\19\D4hbJ\\Y\A7lP\1ET\E4\C7\95\DDJ\0AkV\E8\AD\CA\8F\E2\19\AC*\1D\AC\8E=\E1\DD\A8\19\ED\C9\09'\85A\DD\81=?E\9D\F4\CC\BD3\CC\9F\B1\8A\C4\99\B2\B7\1EQ!]R[cI\1B#zG\91\D9\E3\D5\EA=\FA\CC\A1D\A7\F5\EA\DCC\01Y\B4\86\8D\0Bj\8FX\E2}(#\83\18p\FA\FBxS\9BA#\11`\F5M\84\DE\FA\EE]-\F5\D5\B0*\ADc\F6u\EEC\AD\F0\0C\ABh\D7\88\9F-?\AF\CD\1D(\F4\97\E5:s\BC%\AC\DE\E5\\V\D9\07\17\DE\FE\D8\F53j\06\B9}\05\E7T\0E\9F""\DEu\A8\EE\83\00\AAO\B0\EEc\82\C4\EA\FE\03\93\8B\18Aq\1A\DD\86&lt;S\BE\A9@\8A\A9\ADg\903J\9A]\8B\C9\02\D7\A2\92\8B]\B7\92;Jv\B8^w}@&gt;v\19\0C.T\D6T\B1\911\B1\D2U\19\1B\E5\12\1D\B1\\W$&amp;\AA\\r\CC\E9\14\A3\90\8F{C\A1\DAY\E5\AApW\C4jK'\94.\80K`\A5\EBb\F7\F2X\07\\\E3Z\13\BB\1Dn\8D\FD\02\EE\8Dm,M\94&gt;\E3\DC\EE\DAV\FA\A6\F35\D7\AE\D2}\CE\8F\\\1F\B9\F7\94~\06\FFr~\1E\0B\8F&amp;c\9C#K\A6\93f\E7\B4\92\F3\9D\17\B9\7F\EBz*\F6\B2\EB\E5\D8\BB\AEwcF\93\CF\AB\09\04\FD&gt;\AF'\10,\F6y\F3\02A\C1\E7U\02!3\9Bu\03&gt;o.\EASH\B9@2\C0\E5\06\E2v\B9\92\C2\F6\F8</w:t>
            </w:r>
          </w:p>
        </w:tc>
      </w:tr>
      <w:tr w:rsidR="009F1CC8" w14:paraId="296EA41B" w14:textId="77777777" w:rsidTr="009F1CC8">
        <w:tc>
          <w:tcPr>
            <w:tcW w:w="1418" w:type="dxa"/>
          </w:tcPr>
          <w:p w14:paraId="49160C6F" w14:textId="56D25C3F" w:rsidR="009F1CC8" w:rsidRDefault="009F1CC8" w:rsidP="009F1CC8">
            <w:pPr>
              <w:rPr>
                <w:rFonts w:hint="eastAsia"/>
              </w:rPr>
            </w:pPr>
            <w:r w:rsidRPr="00247E8E">
              <w:lastRenderedPageBreak/>
              <w:t>2022/07/14 09:58:05</w:t>
            </w:r>
          </w:p>
        </w:tc>
        <w:tc>
          <w:tcPr>
            <w:tcW w:w="1560" w:type="dxa"/>
            <w:vAlign w:val="center"/>
          </w:tcPr>
          <w:p w14:paraId="6DE7E9D8" w14:textId="3E51D3F2"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7502F668" w14:textId="643CB398"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0DB3E633" w14:textId="07C2AF68"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4992F417" w14:textId="52CFCC72" w:rsidR="009F1CC8" w:rsidRDefault="009F1CC8" w:rsidP="009F1CC8">
            <w:pPr>
              <w:rPr>
                <w:rFonts w:hint="eastAsia"/>
              </w:rPr>
            </w:pPr>
            <w:r>
              <w:rPr>
                <w:rFonts w:ascii="等线" w:eastAsia="等线" w:hAnsi="等线" w:hint="eastAsia"/>
                <w:color w:val="000000"/>
                <w:sz w:val="22"/>
              </w:rPr>
              <w:t>80</w:t>
            </w:r>
          </w:p>
        </w:tc>
        <w:tc>
          <w:tcPr>
            <w:tcW w:w="4252" w:type="dxa"/>
          </w:tcPr>
          <w:p w14:paraId="25AAEDB9" w14:textId="46EE223C" w:rsidR="009F1CC8" w:rsidRDefault="009F1CC8" w:rsidP="009F1CC8">
            <w:pPr>
              <w:rPr>
                <w:rFonts w:hint="eastAsia"/>
              </w:rPr>
            </w:pPr>
            <w:r w:rsidRPr="00910B4C">
              <w:t>\08\0C\0A\0C\0C\0B\0A\0B\0B\0D\0E\12\10\0D\0E\11\0E\0B\0B\10\16\10\11\13\14\15\15\15\0C\0F\17\18\16\14\18\12\14\15\14\FF\DB\00C\01\03\04\04\05\04\05\09\05\05\09\14\0D\0B\0D\14\14\14\14\14\14\14\14\14\14\14\14\14\14\14\14\14\14\14\14\14\14\14\14\14\14\14\14\14\14\14\14\14\14\14\14\14\14\14\14\14\14\14\14\14\14\14\14\14\14\FF\C0\00\11\08\00d\00d\03\01""\00\02\11\01\03\11\01\FF\C4\00\1F\00\00\01\05\01\01\01\01\01\01\00\00\00\00\00\00\00\00\01\02\03\04\05\06\07\08\09\0A\0B\FF\C4\00\B5\10\00\02\01\03\03\02\04\03\05\05\04\04\00\00\01}\01\02\03\00\04\11\05\12!1A\06\13Qa\07""q\142\81\91\A1\08#B\B1\C1\15R\D1\F0$3br\82\09\0A\16\17\18\19\1A%&amp;'()*456789:CDEFGHIJSTUVWXYZcdefghijstuvwxyz\83\84\85\86\87\88\89\8A\92\93</w:t>
            </w:r>
            <w:r w:rsidRPr="00910B4C">
              <w:lastRenderedPageBreak/>
              <w:t>\94\95\96\97\98\99\9A\A2\A3\A4\A5\A6\A7\A8\A9\AA\B2\B3\B4\B5\B6\B7\B8\B9\BA\C2\C3\C4\C5\C6\C7\C8\C9\CA\D2\D3\D4\D5\D6\D7\D8\D9\DA\E1\E2\E3\E4\E5\E6\E7\E8\E9\EA\F1\F2\F3\F4\F5\F6\F7\F8\F9\FA\FF\C4\00\1F\01\00\03\01\01\01\01\01\01\01\01\01\00\00\00\00\00\00\01\02\03\04\05\06\07\08\09\0A\0B\FF\C4\00\B5\11\00\02\01\02\04\04\03\04\07\05\04\04\00\01\02w\00\01\02\03\11\04\05!1\06\12AQ\07aq\13""2\81\08\14B\91\A1\B1\C1\09#3R\F0\15br\D1\0A\16$4\E1%\F1\17\18\19\1A&amp;'()*56789:CDEFGHIJSTUVWXYZcdefghijstuvwxyz\82\83\84\85\86\87\88\89\8A\92\93\94\95\96\97\98\99\9A\A2\A3\A4\A5\A6\A7\A8\A9\AA\B2\B3\B4\B5\B6\B7\B8\B9\BA\C2\C3\C4\C5\C6\C7\C8\C9\CA\D2\D3\D4\D5\D6\D7\D8\D9\DA\E2\E3\E4\E5\E6\E7\E8\E9\EA\F2\F3\F4\F5\F6\F7\F8\F9\FA\FF\DA\00\0C\03\01\00\02\11\03\11\00?\00\FDS\A2\8A\F2\AF\DA+\F6\8A\D0\FF\00f\BF\0A\E8z\DE\B7\A1\F8\83\C4\7F\DBZ\D4\1A\0D\8E\9D\E1\9BD\BA\BC\9A\EAh\E5x\D5cy\13v|\A2\A0),Y\94\00s\C0\07\AA\D1_*\FF\00\C3}\7F\D5\B9~\D0\1F\F8C\7F\F6\FA\E8&lt;\13\FBoxW\C7\1E\01\97\C5\D6\FE\0C\F1\C6\9D\A6\D9x\B4\F8GX\8BR\D2\E2\8Am\0ET\89e\9E\F2\FC\09\88\B6\B4\81[\F7\B2\B9\CCd\1C\AFz\00\FA*\8A\F8\FF\00\C5\9F\F0T\DF\82\1E\13\F0\AE\B3\AD\FD\B3P\D6?\B3|M7\86\7F\B3\B4\99lg\BC\BA\F2\E3g\FE\D0\82?\B4\8D\F6-\B7j\CF\91\96 m\E6\BD\AF\C2\7F\B4V\87\E2\CF\ECk\BF\EC?\10h\FE\1B\D4\BC\19\0F\8D\FF\00\E1*\D5\AD\12\0D\1E\D6\D6M\A7\EC\F3\DDy\85\12\E5Q\BC\C6\8F\95\08\0Bn\C0\A0\0FU\A2\BC\AB\C5\9F\B4V\87\E1?\ED\9B\BF\EC?\10k\1E\1B\D3|\197\8D\FF\00\E1*\D2m\12}\1E\EA\D6=\C7\EC\F0]y\81\1E\E5\91|\C5\8F\85(Cn\C1\AER\CB\F6\E2\F8Y\FF\00\09W\854MoV\FF\00\84;\FE\12_\06Zx\DE\C7Q\F15\CD\AD\8D\9F\D9n$\D9\1D\BBH\F3\7F\C7\CFV1\A8+\B5X\868\A0\0F\A0(\AE+\E1_\C5K\1F\8B\9AV\AF\A9\E9\9AF\B1\A7i\B6Z\9C\DA}\</w:t>
            </w:r>
            <w:r w:rsidRPr="00910B4C">
              <w:lastRenderedPageBreak/>
              <w:t>AD\E6\A9l\B1C\ABD\8A\8C\97\D6N\AC\C2{IU\C1\8E`p\E0\12\05xU\EF\FC\14\1FC\FF\00\84\AB\C5z&amp;\89\F0s\E3\07\8C\7F\E1\1A\D6\AE\F4\1B\EDG\C3&gt;\17K\EB?\B5[\C9\B2EY\12\E3\E8\C00\0D\B5\94\903@\1FUQ_*\D9\7F\C1A\F4?\F8J\BC)\A2k\7F\07&gt;0x;\FE\12]j\D3A\B1\D4|M\E1t\B1\B3\FBU\C4\9B#V\91\EE&gt;\ACB\82\DBU\88\07\15\F5U\00\14QE\00\15\F2\AF\ED\F5\FF\006\E5\FF\00e\9B\C3\9F\FBq_UW\CA\BF\F0QO\F8B?\E1U\F8\1F\FE\13o\F8X\1F\F29\D8\FF\00a\FF\00\C2\B3\F2?\B6?\B5|\8B\9F\B3\F9~o\FC\0F\1B&gt;}\FE^\DE\F4\01\F1W\FCe?\FC7\D7\FC\D6\0F\F8V\DF\F0\B3\7F\EA+\FD\8F\FD\95\FD\AB\FF\00~~\CD\E4\FF\00\C06\7F\B3]\07\8C&lt;\13\F1\17\E2W\C1\7F\8C^\11\F8k.\B1\06\A5\E2\0F\DAOX\D2\B5)t\B6\B9XSO\9E\D9\A2\95\AFL\0A\C4Z\06x\FC\C2\C0\AE1\90x\15\AB\E0\9DG\E1\D6\BD\E3\E9|#\E2\EF\8E\7F\B5?\C1\ADIt\C3\AA\C7/\C5\0F\17[hP\CF\10\95b\0B\19\90\92\CC\CC_\03\18"")9\F9H\AF@\F8{\E2?\83\DF\06\F4\AF\0DxGL\F1\BF\C5\885-\7F\E3\05\B5\F5\AC\B7z\B5\9A\EA^&amp;\96uX\93Qr\A5M\E6\83r\D1\8C\CE\012\B6pOJ\00\F0\0F\83\BE\1C\F0\AF\EC\CB\AA\E9\7F\06\B5\FF\00\04|7\F8\CB\E3f\F1lZ\AF\8A\FCQ\1E\93\16\BB\A6\F8k\C3e\92\D6\F5n.\9C$\96\93\DBK\0BH\E2T\F2bYw1\CB`{T\9F\12&gt;0\F8\C3U\F8\93q\E0_\87\B7\13\E9\BA\06\99\A9iZ\16\83\AAh\B7\8D\F0\FB\C4\1E\10\81\B3l\D6PB\C4</w:t>
            </w:r>
          </w:p>
        </w:tc>
      </w:tr>
      <w:tr w:rsidR="009F1CC8" w14:paraId="71929DD5" w14:textId="77777777" w:rsidTr="009F1CC8">
        <w:tc>
          <w:tcPr>
            <w:tcW w:w="1418" w:type="dxa"/>
          </w:tcPr>
          <w:p w14:paraId="030F60FB" w14:textId="620E244E" w:rsidR="009F1CC8" w:rsidRDefault="009F1CC8" w:rsidP="009F1CC8">
            <w:pPr>
              <w:rPr>
                <w:rFonts w:hint="eastAsia"/>
              </w:rPr>
            </w:pPr>
            <w:r w:rsidRPr="00247E8E">
              <w:lastRenderedPageBreak/>
              <w:t>2022/07/14 09:58:05</w:t>
            </w:r>
          </w:p>
        </w:tc>
        <w:tc>
          <w:tcPr>
            <w:tcW w:w="1560" w:type="dxa"/>
            <w:vAlign w:val="center"/>
          </w:tcPr>
          <w:p w14:paraId="00082B28" w14:textId="08E31CF1"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546C4E93" w14:textId="0BD9EFC5"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5A0F3699" w14:textId="42CFFE1B"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14AE70F7" w14:textId="40542BB9" w:rsidR="009F1CC8" w:rsidRDefault="009F1CC8" w:rsidP="009F1CC8">
            <w:pPr>
              <w:rPr>
                <w:rFonts w:hint="eastAsia"/>
              </w:rPr>
            </w:pPr>
            <w:r>
              <w:rPr>
                <w:rFonts w:ascii="等线" w:eastAsia="等线" w:hAnsi="等线" w:hint="eastAsia"/>
                <w:color w:val="000000"/>
                <w:sz w:val="22"/>
              </w:rPr>
              <w:t>80</w:t>
            </w:r>
          </w:p>
        </w:tc>
        <w:tc>
          <w:tcPr>
            <w:tcW w:w="4252" w:type="dxa"/>
          </w:tcPr>
          <w:p w14:paraId="03305DFE" w14:textId="38A43B27" w:rsidR="009F1CC8" w:rsidRDefault="009F1CC8" w:rsidP="009F1CC8">
            <w:pPr>
              <w:rPr>
                <w:rFonts w:hint="eastAsia"/>
              </w:rPr>
            </w:pPr>
            <w:r w:rsidRPr="00910B4C">
              <w:t>\17\89\C6\A8RL\9C\FF\E9z\86Q\C3x\1B\B6\FCh|d\C6P\BD;\8C#""\E8\A1D\1E&gt;""R\8DjG\16O.\B2\99\1A\ED\01\BCXZ*F:Gm\19\19\ED\03\B6l\DBPfai\0EG\E6\F0\99\92\B8\825a\FB\EFl;\8C\E18\8C\F5\09\AC\1D\07\8B\09\A2(8o SU\1F"";\B7\88)\B4t@\F2c?\D1kb:&amp;\C7\CC\BE\B4\B0\B7\81\BAz\88`\EC\06iX\18y9L\84\91\D3\B0\E7\A3\EAs[[(\B8\17Gj\F0\80\D6.\F2=\C6;\81\8F;\A4 n\FD\EC\10\81=\13\B1\82\16""C\C0\9Fm\826-</w:t>
            </w:r>
            <w:r w:rsidRPr="00910B4C">
              <w:lastRenderedPageBreak/>
              <w:t>\D2@a4&lt;\FA\B9j\06F\CC\FCb&amp;\0Cv\F1\CAM\BE\02,\8C\C2\C8\1D\90\09\10\D3\8F\8Dd\019\D9&amp;X5\E6b\19\85\B1\CDp\17\10\D48x'\ACrH\CD\A81\EB\03\AB\A9`\B6QRB\D48\B68\CD\08\EE\ADT\9A&gt;\A2\05\0A5.\C8\DD\B0\9E\AD4\DF\01;\91\A5}ah\D6e\D80J\92\10\B7#\8A\DB#K\10\B7W\05^\C7\8C\9E\EC\E9\D6am\1D\C4\E2\94$\EC\1A\CD\82\BBG`\B4\0Fv;\82V\BA\FA\AC\C2D\D8\A8\9EE\85\C3\D2j\18\A8\F3\C15x`K\80\8D\87\AB;\04\C1\FD\9E\E0:\D87h\C8\CCD\87\A0^u\FE\047-\83m\90\9B\99\E0\9A\A6\A8\D5O\DC\D8\\`\E5P3\D3\D4\D8w\10]\84\881\FAy\11aFk\B7-\CFc\BC13\ED@\1B\A5\17\13A\FB\17\AD\0B\88\9E \C72\1B\E3\05\0D\83q\DB\DC`\C4E\E6\80r@\9Bq\02\16\B0\AF\E913\83ue\A8%\0A\02\D1\C5\9C\A0\9E\8B\CC\19\19A?,\D4\16\02RVN0vO\09\EC\06\83v!\AEG\80\F8\19F\C71\CB\0F=\8B\08f\18\A8\B9\1BV!\82M\CDmf\86Z\AA\04\9F\BDK\B8\D5\BF\B8\B26\F48\0Af\A7\B02\C5UZE$1\16*\CC\B5\1F\CF@oMhY\89\F2\07\EC\0B\\\E5""\08fK\12\82\95}\E8\E7&amp;F\DF\A3\04EY\808v\F1\16\8C\F4\A0W\8E\D6\07\ECIH\AD\B7\EF\A4:r\9C0\9E%fC\B1z+3\A3A\DB\0A\CE\05\FD\85+p\D1\8AG\99\8F^&lt;3\99\1A\F4Zz\9A\AE\E0\EEm\DDji\AD\19\\1\85\DCVZ,\C0\EE\BD\A9\B6\EE;\04m\1F\B7CSL\B0.\0C\A9\16\EB \85\F1\D0:\04-^\98\E9\DC\C4\E5\80\1E]m&amp;j\ADX\D3\0F\C4\01\C0\B7\C4\D8\00f\0Ar\E2\AC\02\B0\093+\F7\A0\1A\11Wh\01}!n0~\83\B16\94\DD\B8\AF\07p\98\DB\13&amp;&amp;\AE&gt;\18i\C9\D9\F7\CC\CE\B8\8B\A9b\0E\C5\D9S\DB\AB/\DC\BB\AB!\E0\96\13\FC\EB|\EB\0F\ED-F\B6\DBZ.\9F\ED\F2\FA\CC\E8\C0\D2`\12s\93\C0\03`C&amp;\04l\A06a\16\93\18\CB\83L\81\9A\9F\8E\EEE\87P\CB9.\0EM\AD\A4A\D9\EBk[\D48I\05\07\B1\95h\D8\F7j^\D8\C5dP\E6!\96\98=#""\98I\A7\DE&lt;\B9xil\8F\C4^+\11q\F6\AC\B3\16\F1\9E\8CP/F\84wc\16\E3\BE</w:t>
            </w:r>
            <w:r w:rsidRPr="00910B4C">
              <w:lastRenderedPageBreak/>
              <w:t>\D5\05\80Y\88\908\CB\1A\7F\F3k)(\F1k\83\A2\CA\\1ru\D6;\AA\E0\C2o\07q\EEl\FE\88`f\CE\A7.\E6\D1\0Cr]d,\\\D7\A7\ED6/\AB\F4\94y8g$\BEj$\BE\C5\EE\EA\8F\1C\FD\B2m\9F\A8\87\83\ABmyj\F1\07\B9\A3\90\A4\DB\EE\E3^q/kw\15%\CE\D6\F7y\83y=\BF\9Ak\DC\9DQ\CF\B8\B3#\0F;\10\7Fq\91M\E4\12\B7c\14\B5:""\A9\C4s\B9\A5z\88\92r\8F\FE\A0\D7\B9\B1W\1C\87$\DE\0Cq\FB\0A\B8\81w\B7"" \B6|\82=B\FF \B1\1A\8A{sA\89_\F1\E5d\16\AB\C87\8C#p\C2\BC\F61\B6\C1M&lt;\02mH\A7\E5\FC\DD*\B9\D5\A2\B8_\1A\EAi\17\A7O\09F\1F@\CA\C6\9E\CD\8C\FA&gt;'\C2\EB\05F\03Q\F7\BB\F8\1D\E6\13\B0m\B7\CA\14u\15d\E7A\F7\B8\0Ax\C4\11\EC3+\08\EE\D2\09yv\8C\9C\0B\83\F7\C4\8C\DB\E5t\DC\0A\05\BC\1E5/T\B6\E7\E6\F7\C4\F4$%\B8\7F\06\E4\8B\D1c\E2\C6\1A\C4&gt;\E1\AEV\98O\86\9Ee\D6\0E\C1\98rl\E7/!n}\8B\A3F\B0j0\D6\EDVu0\82{x\E0J\0AX\B7\EC\EE\ED\EF\DD\02\16\A70\9ECJR;\92\88\80\BF\9B\D910\F3\0Dw\9Ae\06C\A9\89*ef~\85\A5e\F0\BB\00gh9!\ED\01f!\FF\9B\1B\BE\00K)\B1s\078(\08\EE\97\81+C\A8\F1\A30n\16\1B:F\FB\12+H\9C\16\CD\EC\FCP\83\11\CC\CE9]'\CC|\A2\9D\C7\8D\D5\9C\98\9E\A1/\8D\14\EC""\C7\D4Dz\A1\0A\84\11\\\D1\EC\BC1\98\91\CCP=\AE\CF\03J\EB\DA\19\15\86\92p5\17\B7\1A51\B6Jl\FA\99X\9B\1D$7\AE4F\0AH&lt;N\CF\AD\CD\8C\B2\C7Y;\DCH%a,SN\DC*\D0\CC\CA\13\D72\FA[U=\C0\BD\B6\9C&amp;\E3\F6N\CC\\\8BV\A0\9B\7Ff\B0\E5d\1EZ\DC@\E9\19qQ\05fi\1D5c\A9\F73M\0D\07\C1\0E\A3\99\99ke\9F\E2\FE1(\B1\98\E5 a\B1\8Fr\1De\0D'n\ED\AC</w:t>
            </w:r>
          </w:p>
        </w:tc>
      </w:tr>
      <w:tr w:rsidR="009F1CC8" w14:paraId="33C3935C" w14:textId="77777777" w:rsidTr="009F1CC8">
        <w:tc>
          <w:tcPr>
            <w:tcW w:w="1418" w:type="dxa"/>
          </w:tcPr>
          <w:p w14:paraId="7CD5F31A" w14:textId="6305208D" w:rsidR="009F1CC8" w:rsidRDefault="009F1CC8" w:rsidP="009F1CC8">
            <w:pPr>
              <w:rPr>
                <w:rFonts w:hint="eastAsia"/>
              </w:rPr>
            </w:pPr>
            <w:r w:rsidRPr="00247E8E">
              <w:lastRenderedPageBreak/>
              <w:t>2022/07/14 09:58:05</w:t>
            </w:r>
          </w:p>
        </w:tc>
        <w:tc>
          <w:tcPr>
            <w:tcW w:w="1560" w:type="dxa"/>
            <w:vAlign w:val="center"/>
          </w:tcPr>
          <w:p w14:paraId="36DC1F16" w14:textId="781E30D8" w:rsidR="009F1CC8" w:rsidRDefault="009F1CC8" w:rsidP="009F1CC8">
            <w:pPr>
              <w:rPr>
                <w:rFonts w:hint="eastAsia"/>
              </w:rPr>
            </w:pPr>
            <w:r>
              <w:rPr>
                <w:rFonts w:ascii="等线" w:eastAsia="等线" w:hAnsi="等线" w:hint="eastAsia"/>
                <w:color w:val="000000"/>
                <w:sz w:val="22"/>
              </w:rPr>
              <w:t>61.139.20.110</w:t>
            </w:r>
          </w:p>
        </w:tc>
        <w:tc>
          <w:tcPr>
            <w:tcW w:w="850" w:type="dxa"/>
            <w:vAlign w:val="center"/>
          </w:tcPr>
          <w:p w14:paraId="35A16589" w14:textId="3944CA1A" w:rsidR="009F1CC8" w:rsidRDefault="009F1CC8" w:rsidP="009F1CC8">
            <w:pPr>
              <w:rPr>
                <w:rFonts w:hint="eastAsia"/>
              </w:rPr>
            </w:pPr>
            <w:r>
              <w:rPr>
                <w:rFonts w:ascii="等线" w:eastAsia="等线" w:hAnsi="等线" w:hint="eastAsia"/>
                <w:color w:val="000000"/>
                <w:sz w:val="22"/>
              </w:rPr>
              <w:t>1939</w:t>
            </w:r>
          </w:p>
        </w:tc>
        <w:tc>
          <w:tcPr>
            <w:tcW w:w="1418" w:type="dxa"/>
            <w:vAlign w:val="center"/>
          </w:tcPr>
          <w:p w14:paraId="0BC10ABF" w14:textId="1F0A1633" w:rsidR="009F1CC8" w:rsidRDefault="009F1CC8" w:rsidP="009F1CC8">
            <w:pPr>
              <w:rPr>
                <w:rFonts w:hint="eastAsia"/>
              </w:rPr>
            </w:pPr>
            <w:r>
              <w:rPr>
                <w:rFonts w:ascii="等线" w:eastAsia="等线" w:hAnsi="等线" w:hint="eastAsia"/>
                <w:color w:val="000000"/>
                <w:sz w:val="22"/>
              </w:rPr>
              <w:t>51.210.22.64</w:t>
            </w:r>
          </w:p>
        </w:tc>
        <w:tc>
          <w:tcPr>
            <w:tcW w:w="1134" w:type="dxa"/>
            <w:vAlign w:val="center"/>
          </w:tcPr>
          <w:p w14:paraId="07C5E9ED" w14:textId="61025254" w:rsidR="009F1CC8" w:rsidRDefault="009F1CC8" w:rsidP="009F1CC8">
            <w:pPr>
              <w:rPr>
                <w:rFonts w:hint="eastAsia"/>
              </w:rPr>
            </w:pPr>
            <w:r>
              <w:rPr>
                <w:rFonts w:ascii="等线" w:eastAsia="等线" w:hAnsi="等线" w:hint="eastAsia"/>
                <w:color w:val="000000"/>
                <w:sz w:val="22"/>
              </w:rPr>
              <w:t>80</w:t>
            </w:r>
          </w:p>
        </w:tc>
        <w:tc>
          <w:tcPr>
            <w:tcW w:w="4252" w:type="dxa"/>
          </w:tcPr>
          <w:p w14:paraId="4EABE6D7" w14:textId="0F7E1B77" w:rsidR="009F1CC8" w:rsidRDefault="009F1CC8" w:rsidP="009F1CC8">
            <w:pPr>
              <w:rPr>
                <w:rFonts w:hint="eastAsia"/>
              </w:rPr>
            </w:pPr>
            <w:r w:rsidRPr="00910B4C">
              <w:t>\18\1A\EFdu\9D\97\E6\86W\ED8\BEo\C7\DE\BE\15\EF\FD\C3?\C0\FE\F5\7F\FBeB}\DF{\F1\AF\FA\FD\D6\F0\81\1F\C1_\F4\8E\D76^\F1\C3\1F\FF\1CC&gt;\8E\F0\DAL\1F\07\0E\10\A0O.\83\FC8\EBB\9C\D6hA\A0\0A\CC$izr\9Dy\05@\09\E0\B8\02\C0\E3\89\98\E7f\08\05\C6\19\C5j\B5\A2\1C0\F8""V\060&lt;\0E\CAC\A7\F1\D5\0C\A1\D9\A8\1E\A3\99&gt;\F7\02\B9\02e~|\06c\8D\A6`0\10r\83\A5\7F\E2\F9</w:t>
            </w:r>
            <w:r w:rsidRPr="00910B4C">
              <w:lastRenderedPageBreak/>
              <w:t>C\E9\E8(\01\7F$\08\E4\E6f\CE\8B\01\01'\0EO:\0Eh\89\D0&lt;Z}\09\F5\89,1T\C9\18\D4yFb\8E34`\C6\90\D0{\94\D10\F7h\BE\AA9\A1\A1\F1\A3\18\D44\8C\B1Q\0C\F6\0EGPD\ED\C4Y\D4Z\84\1E\B8\B5(1\BBp\91\D9\1C\14/\14\1ERsg\B1\FC0:\8B\14\EA""yW\F4\A6\18-\14\8Fm\B70\EA\19\03c\8E\17h\ADG\F2#\11\D3_s)\FEZ\10\BF\15\D73Pf\83\98\F1\04\09(\C6\CB\A4xs2[\F6\E9&lt;\FAa\FB.\D7n\F7va\87\97\81\B4^\C7\E8Y\A3\D6\B9Fw'\F5i\DD!\E3\A7\F8\DB\03\7FM=,\9C\B2?O\FD\D2\F2+\FE]\EA?h\BBm\8C\19c\C7Q\EB\EE\D4\7F\97\F9\A1\E5\1D\06\F1O\C6\F4\09\8A\D6c|\D2!|\1A\A8\EA\FB\A8~\FD\C6\E0\105\A4\BF\84\9A\A0\EE\B4\DF\E9\B9\DF\FE5\FD\D7\B8i\F6\94\FE8\F7\03\EA\DF\A9W\8C\EFr\0E\F6,\03\01s\96\A1\0E\E0\14\F7\1D6\F0\1Dgt\CC\AD\1A\07\C8\BB\9C\F8U\ED\B6\9Am\B7\F3\A0\F3\88\F3e\A7\C6\E9\F4\FDL\03\D1\08\9EElI\83\C5k;N~\A1\AC\B6\D5p\1F\EF\F4A&lt;""\CC3\AC+\EE\ABY\\p\BF\EB\A0\EB\B0\8Bv\BD\EBpLb\E7\E1\14K\E5\D9\C3\EC\CB,\CD\B3\0A\8BZ\C2\1Eg_au\EC7\CDN\0D\B8\13\C3\15\9DVly\B3b\1E4\D3\C0\CC\9B%3\FD\8E\19\9A\F1\9B\E8Q_\9A{\C4\9E\A6\CC\84\D4\97\F5\0B\07\B0\C0t`\14%\F3HG!\C1u\13\18\A4R\13\88\81`=a\BF\13\E9\098""\0D\DBB\0EL\D4\B0C\03\B4\B5\E1\B8\81\9E\E1\93:\BCr\FD\81\11\A2\D8\10S\DD\04\B1\ED1\E8i\86p\CD\A8dj&amp;\B4\B1\98\8F\C5k\8C\9A`Zr\C2\A7\1E\F9\D4s\CD#N=\E2\D4#=9R\CC\FA\9A\93\F7\D4&lt;\92\B5fB\1B!\19\17h\18#\98V0\8C\C1\EA\04\D3\CC\BF\9D\DA\E7t\1A\AC&gt;\12Kde\0C\1A\12\B1h8\CF\17\17U\0A\BB\CE\DD\8C\1FR9\A4\0Ds\C8H(\AA\9A5~\05\F7\EC9\B4\FD\F6L\D0\F9\E3/~\FD\CD\DF\9D~\E0\E9\85C\F0!-\EF\B9\B4\BA\F96\AA\E3\99k\AF\BD\F4\06\C7\9D\FF\02\E1/\DF\84\CCO\BE\D9&gt;,\B7)\1F\C31\08\1B\01\A0o\D2~\1A\A4\A8\EEeT!\92!\FC0\A3`\B6\96!\B6\04_\0A\F2f\1Dd\CD\09\C8\12\7F\82\CD\8C}\956\8C\D8f\1B!\19\AAcA\87\D9\9F\1E\F1&lt;\8E\95#\A2\1B\00K\C22\0D}'l:\16\E4\EA\F33\FCL}n\9E\9FW\99\</w:t>
            </w:r>
            <w:r w:rsidRPr="00910B4C">
              <w:lastRenderedPageBreak/>
              <w:t>DE\0CV\00f\F9\A7\F1\DF,\F1\027\09\C0c\C0B\AE\01\E8R%\90\D0\C9\E8Nl\02\12\04\86:\8C\B9\90h\02\E45~\A1\18\08\16\93rt\FC+\A2\11\98\CD\99\F4""\8B{\11\EF\D0\E3\E7\E6\D4`L\9F\D2u\97t\BF\F3\FE(\DDK\F7\1AW{n\A7o7j\1F\D0\C0\\\E6`\08/+s\84=\A2\FF\0A\FF\15\EB\F1\8C\9E\D7!\FA\B6;\B9;E\F9Y\F3I\91\BD\A7\05\9E\14\99i\9AU\82a\F1\88\F8\94H\89V9\E2\86\A9A\A4\F0\E7\93\09\9BU\C72\1C\8F\10c\1Anz\F40R\F2\A7\A9?\9C\80\C9\D44\E4\15S&lt;\01m\16+\7F\8F\C5\02e\0C\E4\8F\8E\8D\95I\DA\DE\AE\A6\F5\BA\9A\CA\05\92*.\7F\A8&lt;e\86\185v\9B\C7\CD3\E6\B3f\9D\D9\93~\9C\D6\D1L\D3\E4\A7\02\F3\FAyl7\C2j@'J^\1B}u\82\B8j:;\17&amp;:\EB\0BH\9B\CF5\FD4\B6H\CC\E1\8AF\9C\D1\88+\EE\071\87\EC\87\1F\B0w#\00}\C4-O3o)\FA}\A2hEchE\EA\EF\9B\A7\F7%\AC\BA%\BF\0B\A7\FA]Jh\FB\0B\9E\97j\B5b\0DWJH\DB]\0CUD\9C\8F\88rH\C9u\96\9C\F0\1B\FEH\D7\E6\85\17\13\F1\95\9E\13'\86O\1D\B8r\B8\BD,\BAK\03\C1`4\AB\F8\DF\A2\D7-|c\B2%-\CB\F1\DEK\A8\ED\AB;\EF\FC\CEu\BD\996\B1\12\BA\DAn/\EC}a\E5j\C4\12V4\FA\E8\FF\874\8B\0E\B0\06\8C\D0\0B\EA&lt;\06\9Bk\F0\0B\D1\FB\AB4\C8\F0;\A8\EB\93\D7o\A6@R\97\D5m\BAK\D2\D4[7\EE\D8\DFz]t|\C7a\CDa\EDm\EEO\08\87+\9F\EA\BAm\D5\E1\B5wl\FC\BC\FB\F3\C2\FD\1B\A75\8FiO\BAO\0A?*\FFh\ED\CC\8E\B3;^\D9\F1\CE\0E\9FWr\96\F8\8A\A3\1A\DC\A1\FD\1Bv\A0Z\F7\01\17]\0D\0D\F8\80\A7\E7\FCG\0C\F4v\BBC\CFNF\A0-\82mi6\C4\F7""x\18\1D\C6:N\15\83\CDP?\129\16y*BG\A6\E1WN\0D\A7</w:t>
            </w:r>
          </w:p>
        </w:tc>
      </w:tr>
      <w:tr w:rsidR="009F1CC8" w14:paraId="17989F8B" w14:textId="77777777" w:rsidTr="009F1CC8">
        <w:tc>
          <w:tcPr>
            <w:tcW w:w="1418" w:type="dxa"/>
          </w:tcPr>
          <w:p w14:paraId="195D6457" w14:textId="6A357C23"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2EDF1DD2" w14:textId="311D5C60"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4087CE51" w14:textId="4E6D8C04"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3502C8C7" w14:textId="5BA157AF"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46DD3B7B" w14:textId="57ADB36F"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303FB893" w14:textId="73F064F7" w:rsidR="009F1CC8" w:rsidRDefault="009F1CC8" w:rsidP="009F1CC8">
            <w:pPr>
              <w:rPr>
                <w:rFonts w:hint="eastAsia"/>
              </w:rPr>
            </w:pPr>
            <w:r w:rsidRPr="00910B4C">
              <w:t>\1E\1BF]\08O\E2\D3\AC\EB\1F\97\996&lt;#&lt;\9B\F5e\1D\C3\F3\C2\0B\A3&lt;\97\84\97\B9\ED\A5N\B5\DE\18\DE\12\DE\16\DE\19\DE\C3\A7S\87\8F\86O4\11M\EC&amp;N\93\C4&amp;)M\D2\9B\E4\F2\99\D3M\8Ab\C6\8EH\DBs\FB\91\B1$\AE\1Fn\C8\AFS\BF\C2q~\04\CF\FD\FE\8C\BA\F5\A9\A1\B1\A8\CE\98Di\9BtP\F5\B5&gt;:\D7x\0A:W[F}\E5vG\E5\1D\F1yn""\BF\0</w:t>
            </w:r>
            <w:r w:rsidRPr="00910B4C">
              <w:lastRenderedPageBreak/>
              <w:t xml:space="preserve">2\F0\19\FA\9D\A6\AF\85?[\CD5""~\A4\DD\98q\ED(~\FC\8B\CCG\E8\BAI\E7X?:\B7\19^W\8F\F8\F1\B6\B1\F2F\C7\E7\C8X\19?\AE64\FF\88/O\D5\B6\A2\F9\11\8E\ED\DD\A4\B8I\8F:s[\F2\9B\F4n\D2\AFI\FF&amp;e\F2\\qy\AAx\CC\9C\91\F9\B2c\9D\99\D7\B4&amp;3\A3m\98\ED\E5\9E\1FG\DA_dn\AC\E4i2\A7\C9|\1E'\9A,jR\11m\F7\8C_\DEd\15\B7?wz&gt;\85&lt;*_&lt;o\E2\DBd\13\9FLNi\B7\D7\B6/w\FF\14=\9B?2wf\99w5\D9\17\B5Eu\93\C3\91\FE\9D\CF1\8F\DAM\C9\CC\E7\9AG\DB\9Bk\ECJ\0C&amp;&amp;\C5\941\D7\8F\C8\\\95\D3\A5&amp;f&amp;\E6'\16p\98\EE\FE\06\E0\09X_^\05\A7\DD\C4\AB\D7(\DC\92\9F\A6\E29\A4Wb\18Z\AF\F3SS\EBu~\8Eg\F5A\B8\0F\87\CD\BD\1C6\F7""&lt;\12\E1\91x\D6\B7\18OY\17s\D8\B8\84\C3\C6%\1C\F6 \EC\91\E1\A7\11~\1A4\08\1B\08\9B\D8gob\CF\B2\DE\0E|\DAq\D8F\D8F\D8z\DD3\94\F3e\A8/Fx$C\AB\0F`\01$,\00\E7N\E0\DC\09\DC\D6\82\DBZ\E0\EF\07\FE~p{\01\F4/ w\E0M\E0\CDw\10~GJ\05\CE?\05\E5O\C1\E1cp\F8X\EA\02\19\AE\06\FD\D5\90\F6*H{\15\D2\C2bf\1F\A9)S\DAW\01&amp;\81&amp;\094\B3@3\0Bi\7F\00\FC\0F@\FF\1Ary\0D4:ht\D0\\\06\9A\CB\A0\97\07zy@\FF\1E\E8\DF\03\CD$\D0L\82\84e\B0v\19\F4\05\DE\02\DE\BA\12\E1+\C1\7F\11\F8/\02\FE\08\F0G\C0\E7\9B\E0\F3M\D0\F4\04MO\E45\05yMA\B8?\C2\FD9\ECG\89\F8Q\FA\BE\DE\8C\F7\F5\E6\B0\17%\EBE\C9z\D2 O\1Ax\8E\00\CF\11\A0\D9\07\9A}\B2\B6\C0\AA=%7\D0?'!R}\17\A9\BE\8B\F0\E3\08?\0EI`\19\03\961\B7\02\BF\15\E1+\10\BE\02\DA\99\D0\CE\04}\09\E8K@\B3\1C4\CB\81\7F\0A\F8\A7\10\9E\87\F0&lt;X\FBRX\FBR\D0\FF\0C\F4?\03\CD\09\D0\9C\00\7F?\F8\FB\11\EE\82p\17\D0?\00\FA\07@\FF&gt;\E8\DFG\F8{\08\7F\0F4\83@3\08\F8u\C0\E3\F9\B9\F1!\C2\1F""\FC\09\C2\9F \8C\B6i\A0m\9A\C5H[\0C\FCp\E0\87\A3\04Q\ABm\D4j\1B&lt;m\F0\B4\DFF\F8m\A4E\AD3e\AD\AB@\DA\0A\C8\DF\1A\F2\B7\06\FD\8D\A0\BF\11\F4O\80\FE\09\84\C7 </w:t>
            </w:r>
            <w:r w:rsidRPr="00910B4C">
              <w:lastRenderedPageBreak/>
              <w:t>&lt;\06a\B4q\13m\DCx\17|\DE\95m\99\CB\D1\90e\FA\0Ah^\01\FEI\D8\F3I\A4=\05\FC)\84\FF\89\F0?\91/d\B0\A5\0C-\11n\09\9A\EB@s\1D\F8\CC\04\9F\99\A0\C9\02M\16h\BA\83\A6;\C2\95\08WB\B6{ \DB=\C0\7F\E4\E3w\13\13\80\99\80X\E4b \17\EBMX\E0M\84\E7""&lt;\174\B7\82\E6V\84\C1\D9\00g\134&amp;h\D4\13\E7\BE\82\CF\DB\D0\BC\B7\F3\F9y1\CF\D3\1E\11cD\1B\F1=\F1\A8(\12\15\F4o'\DE\A2\7F{\F1gQ%\AE\16[\E9\7F\8D\F6\86\B6Qt4\B7\98o\8BN|\92\81\C0\09\1Eb\96(&amp;7W,\10\8B\C5R\B1B\AC\16\EB\C4\06\B1\99R\EC\10\BB\C5~qP\1C!w\\\D4h\A6\E6\D7\C2Z2\C5\AF\D3\D2\B4l\AD\99\D6Rk\A3\B5\D7:i]\B5\EEZ/\AD\AFV\AA\0D\D2\86h\C3\B5rm\AC6^\9B\A4M\C5ic\F3\F8\A42m\99\B6\92\F0\FC\9F\AD\CD&amp;\8E\F4'~\FC\A7+\AD\9C\1D\87q\AD\89$^\93idX\FC\D4\B7\CC\DCKp\AD5Y\F0\FB\D9\15x\06;\84`3\EB\0E&lt;\FB\BD\D3\F5\EC\97\D7\D8&lt;a\A1m\E2\C9~&gt;c\ECW9l\95Z\03\F8\BD\92\F9\06q\FE\A3\15&amp;\F8\1F\C0\A5\E0\BC\024#\AD\FB\F0\A4\F7~\EA\1Fn\C6\93\E7Y\E0\F3&gt;\9Frm\\\83\A7\AC\D9\C6\83\04\BB\E3\8D\A4e&lt;N\F0\01\BC\07_o&lt;\CDx\83\CFb\9F`\EC#8\C3\D8\0D&lt;\9F\8F[n\FD\9E8\97\1B#A3\12\CF\8A\1F\C2\93^&gt;\A1\EB\0E\F5\BCw&lt;\9E\F7\F2Y\B3}M~\83\F6\10?76^\E6\E7\AB\D6l\AC\D6x\96Oy7\DE5~\17y\DE\AB\EA\06\BFe\E1\BA\C1g\C6dS\DD\C8\17\CDDsQ Z\8A+DkQ(\AE\A2\9A\F1\0D\D1\96J\BD+\95x7\D1]\F4\107\89\9BE/q\AB\E8#n\A3\BA5J\94\8Bq\E21\BC=x[\0B\A2vt'^\DD\89\86k\DE \0A\F5%W*\86\88\E1\C0\94\8B\B1\F4\1F/&amp;\89\A9p3\F0Nd\A1XBW\CB\08.\A14\A5\F4\9F\14Y7\AF\EF\E5\B3t\F4\17\F0\1E\EBA\85\E1\F7a\B7""\FC\02b\DB\C95\E5\8C\91\EB</w:t>
            </w:r>
          </w:p>
        </w:tc>
      </w:tr>
      <w:tr w:rsidR="009F1CC8" w14:paraId="65A0D0DE" w14:textId="77777777" w:rsidTr="009F1CC8">
        <w:tc>
          <w:tcPr>
            <w:tcW w:w="1418" w:type="dxa"/>
          </w:tcPr>
          <w:p w14:paraId="552D5D8E" w14:textId="0713D323"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486AE40E" w14:textId="3DC98184"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47BBD443" w14:textId="767A76C6"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0BCAECC1" w14:textId="532B7141"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02E9567F" w14:textId="44A4B709"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4CA80A52" w14:textId="685E5588" w:rsidR="009F1CC8" w:rsidRDefault="009F1CC8" w:rsidP="009F1CC8">
            <w:pPr>
              <w:rPr>
                <w:rFonts w:hint="eastAsia"/>
              </w:rPr>
            </w:pPr>
            <w:r w:rsidRPr="00910B4C">
              <w:t>\84\FE\D7\A7?\FF\A1_?p\F2\FA\81\93\D7\CF\8B\19\DE#2\1DE\9F\935@\D9@\09K3Xe\A7\18\95\CF\18SI\1D\A7:\0F\F1)A`\0Ab\B7\0C\EBL\10\98\DC\92\1D\AB[e\D9\B2h)\9F\DC\92\9D\C0*\EB\158e1\9C\FCf\DD\AA*{\E</w:t>
            </w:r>
            <w:r w:rsidRPr="00910B4C">
              <w:lastRenderedPageBreak/>
              <w:t xml:space="preserve">66\F9\A5O~\B3\8E\D5k\15d\F2=\BC\DA\9C\\\C4\83\C3h\ACQ\CA\B3\BF4\FC\12xn\B2}y\A5q\9B\EEbS\D0[{\BE\9B\EFfS\88\DA\DB\F3\9CV_\80\8E\CF\91\B6\BC\95\B3\0Dz7\9B\82\E1\CB\0C\93\BE\DC\F3\EC?PU\D5\8E\9F\07\CE\CA[\A2J\E2\F2\98\8FE\D6\17\B2\AD&lt;\D3/\AE\D1\D3g)\89W\8B{\CCi\AE\C1gR\A9=\08\E4[V\E8\9F\8B\A2\04\9A\F6\BB\90\B3K\CB\8A\FE \9B\B6\FB1\FB\EE\E5L""\9F\84\AE\85\D1\99\BB\8C\06\D6\85\D1\C5#M\C8\A4B?\11\8B\C2\A7\D7\D3\8F\94\9E\A9Y\B9\0C3 \B3Qn{&gt;\D8\CC\96u\8A\02\F9\96\E7#,rG6f!\B3\85\BEa-\A1(\F2I\E8Z\18%\92\1B$\\$dr&gt;\16\B1Xp\FF4\BD\9E~\A4t\1Cn\A6_%\B3Qn{&gt;\18OB\A7\0FB\BE\E5\F9X\E4\8En\CCB\8E\E5\E7\D5\DA\FA\11X\0E""\9F\84\AE\85\D1y\DFcq\12.\1229\1FD,,\9F^Ogu\F3p\B8\99\BE\0C3 \B3Qn\DA\01i\09Z!OB\07$BV\D1\01\89m\CCB\8E\D6\FE4\B1\FB\91\E5\04\91OB\D7\C2\E8\BC\EF\D1\8A\B8H\C8R\07\A4\90""\9F^O?Rz\B4\E4FX\86\19\90\D9(Z\9C\D4\95\BD\E4\9DC'u\86\8D\CB\05}j\E7\FC&gt;\93/ol\A6\AC\8DQ5\CE\AF\82*\A5\88\A8b]\D0\05+x\0C\E4\F3\BA\D0\93\8A\F3Z\B2\CC(\A1+at\D9\FAd\E8\D6{\81N\1A\F6P\D1\88|\82=\FD\C8\E8\C9P\C8\09W\E9A!\B8\D8jnD\0F\98\1A\16bE\CD`\B1&lt;\E1\B9J]\D4\15\FC\88a\13\A1LA\CE\86U\B3e\0Fs\BE$\F8\01\E7i&gt;\01n)\FF\AF\04\FCJ\19`J\D1\85)@\AD#\C2(\A5+a4\C9\E0'\82\E2\02~L4\1C\9F`O?2:\059:\CE\88\1E\14\86\FF\91?\17-&amp;\1E\07L\93:\F5\AF&gt;\83\9F\C7\F7s\C9a\F97\83o\82\DD\A1\E8zK\07n\E3\C2\D4\B4\A8e^]\99\16_\D79\D8)\C2\DE\AE3f/\A8b5WV\A7O-\AB\DE\BE\BENEYt\BD\AF\8D~\E3\FC\D4\C4\BB[\DB\03\BE\05\F3\FB)?$\15,#\B1u\F9\AB\DF\93\9E\18\8D\F4\9E\04m\BE\07\188\1F@\9B\F7\A1\1A\A7""\A3\84\AE\85Q\E6\17 [\BF\EE~\80\81\FF\01'\D8\D3\8F\94\CE\1C\0D0p@\80r\0F\04\AEOF\FC6\9D\0B\82\96\F9x\B8 </w:t>
            </w:r>
            <w:r w:rsidRPr="00910B4C">
              <w:lastRenderedPageBreak/>
              <w:t>\AA\88\89(\82\A2\E2u\A1\8B\1F\B8\0C)]\85r\EB\070H\E9J\18e\AE\01\B2\F5 \D0\17ta\A2\11\F9\04{\FA\91\D1\A9\B6\ED\B9\ABC\A4ktA`I\B1\14\9C\B1^\BD\0B\C2We+\F9\A9\99\E5\C3\05\D1\9F\80ff\CB\09\10\FD\B27&gt;\AA2\A6(sk\92\AEG\8D\0Cym\8C\06\19\FCDP$\E0GE\C3\F1\09\F6t\D6\0D\89\83\1Cwu\88t\8D.\08\E4\0F\F0\E5\86[uA\B8W\AB\EAqq\A8w\1A`vno&amp;WP\DC\EA\EAcg+\AB\AE\A4\D8\B1zr\EC\D8\BC\C3:\D3\0FcY8\D6\CC\838\88\A8%m\11\B5D\9D\CA\84^4\00\A5\1C9\E3\115%\8C.[_\06\11\B5r%\A2\96\06\11\B54\88\A8\15\82\DCt\9C\11=)\8F\A85\C6\B2\B6rl4\A2\D6\A6\16\F0\97O_&gt;\A2\96\06\11\B5\A4-\A2\C61\A5\E8\C2\149r\C6#jJ\18M2\F8\89\A0(G\D4\D2 \A2\96\06\115\0Art\9C\11=)\8F\A8\A5j\D6\BB\A9\F9\D7\E5-Jy\EF\DB\B9\0F7r\DF\AE5r\7F\FFK\A4\EB\1F\FD\EA\C8~\F5\1DZ\1A\BD\AE\F9\D2^\D24\F0\92&amp;m^\D24\F0\92\16m^\D24\F0\92\16m^\D22\F0\92\96+^\D24\F0\92\A6\81\97\94""\A8\E7\EA\ABHO\CA\BD\A4\CA\D5J\EA%}\A8\95g\E2\C0U6\F0\92&amp;m^\D24\F0\92\16m^\D24\F0\92\16m^\D22\F0\92\96+^\D24\F0\92\A6\81\97\94\81\1CW_EzR\EE%\ED\D5\CA\B4\AAu\AD\F7%\DE\AF*\8E\1FRI\F7?\F0\BB~U\9D\CD\ABL\A6w\BE\E1\FE\D2\CE\CB2p^\16m\CE\CB"";/\95&lt;\DF\11\91\9F9/\B50:o=\CB\F4\91\DF\1F\C9\CE\CBE\A2\B9\F3\B2\90\87\EAv\90\D1C\C6\19\D1\D98z\9C\97a\13\BD\C5\02\1F\D1T\13\C7\C5\92\CE\AD\90m\00\0C\93`D^]\E5@\1B\CB&amp;\82\C7\B2\1D-\DBM\E5\C0/\EF\C8,\03Gf\D1\E6\C8,\B2#S\07\BE\C8\0EK\E6\C8\D4\C2h\92\81P\04H\D9\91I\81\909,\09\80\11:\03&lt;2\CE\88\AE\12\08\89#\B3E\14s0;\ECKl\B0w\DC[\C0v\1B^Wop\F24\A0e^\1Br\93\A7\01""r?C&lt;\E8\AA\00\1F\E2\C6\9D\9C\1B\9D`\04wP\FA4\A0\BB\CC\E5l\07\9As\A2\AA\E5l\95g\F0\C6\14A\9Eu\F9\BE\C0U</w:t>
            </w:r>
          </w:p>
        </w:tc>
      </w:tr>
      <w:tr w:rsidR="009F1CC8" w14:paraId="7BAED47E" w14:textId="77777777" w:rsidTr="009F1CC8">
        <w:tc>
          <w:tcPr>
            <w:tcW w:w="1418" w:type="dxa"/>
          </w:tcPr>
          <w:p w14:paraId="6579C6C3" w14:textId="3A862B55" w:rsidR="009F1CC8" w:rsidRDefault="009F1CC8" w:rsidP="009F1CC8">
            <w:pPr>
              <w:rPr>
                <w:rFonts w:ascii="等线" w:eastAsia="等线" w:hAnsi="等线" w:hint="eastAsia"/>
                <w:color w:val="000000"/>
                <w:sz w:val="22"/>
              </w:rPr>
            </w:pPr>
            <w:r w:rsidRPr="00247E8E">
              <w:lastRenderedPageBreak/>
              <w:t xml:space="preserve">2022/07/14 </w:t>
            </w:r>
            <w:r w:rsidRPr="00247E8E">
              <w:lastRenderedPageBreak/>
              <w:t>09:58:05</w:t>
            </w:r>
          </w:p>
        </w:tc>
        <w:tc>
          <w:tcPr>
            <w:tcW w:w="1560" w:type="dxa"/>
            <w:vAlign w:val="center"/>
          </w:tcPr>
          <w:p w14:paraId="0BCB192F" w14:textId="7E0EA7BC" w:rsidR="009F1CC8" w:rsidRDefault="009F1CC8" w:rsidP="009F1CC8">
            <w:pPr>
              <w:rPr>
                <w:rFonts w:ascii="等线" w:eastAsia="等线" w:hAnsi="等线" w:hint="eastAsia"/>
                <w:color w:val="000000"/>
                <w:sz w:val="22"/>
              </w:rPr>
            </w:pPr>
            <w:r>
              <w:rPr>
                <w:rFonts w:ascii="等线" w:eastAsia="等线" w:hAnsi="等线" w:hint="eastAsia"/>
                <w:color w:val="000000"/>
                <w:sz w:val="22"/>
              </w:rPr>
              <w:lastRenderedPageBreak/>
              <w:t>61.139.20.110</w:t>
            </w:r>
          </w:p>
        </w:tc>
        <w:tc>
          <w:tcPr>
            <w:tcW w:w="850" w:type="dxa"/>
            <w:vAlign w:val="center"/>
          </w:tcPr>
          <w:p w14:paraId="0991DA99" w14:textId="1345E4D7"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3B7BCDBD" w14:textId="7B68C439"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1790A14E" w14:textId="7D3CC0C7"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2288F86B" w14:textId="060441B7" w:rsidR="009F1CC8" w:rsidRDefault="009F1CC8" w:rsidP="009F1CC8">
            <w:pPr>
              <w:rPr>
                <w:rFonts w:hint="eastAsia"/>
              </w:rPr>
            </w:pPr>
            <w:r w:rsidRPr="00910B4C">
              <w:t xml:space="preserve">\91y\CD </w:t>
            </w:r>
            <w:r w:rsidRPr="00910B4C">
              <w:lastRenderedPageBreak/>
              <w:t>\C9K\B9\00\F0\85%\FF\01\CE\B7}\9E\F8\E8\C6hg\CAi\D9[\CA\09\B1&amp;Eum\BC3\08\DB\15N\99\A0\99""\A7^=\A1\AA}b(\9DPw\1D\\\1A\D91/\D0\E2\95E\B3\B9W\1DR\02\E3\E9\F0\06\1F\E7\DF\0B\A0\97\B5{\E8\86\9FYzC\EFw\E8\D7\A8\FE1\C3\1D\D4\00\18\08\C5vG\E9\8CI\\\AE\AE\80\CA\C01\96\D2\A7\C2\EE\C5\BB\D5@\83@N}t&lt;\E9\BFC\D9\FA\87^\F0\EE\06\E7\EE\E6\9C1\09\A6b\04\E7\BD\89\F8A\05\AA\0C\A0\EAS\8C\FCx\02\B2\C2\8D\1A\B4\C2\8Bt\8B\DD\15I6\D7%\F2&amp;c\B9TkD{%\92Z\92K\81\B0 \B7\93\C2\00/\87\B5\ED[\9A{\FB\FC}\E9\07z\D3\CD\BD\E3\CD\9B\E8\CC9%\04&amp;\A0\BF\12\FD\CC\02\19\BA\92R\AC3\D2M\15\09t\1A\96ip\D6\F9\C5\\\B4\BB\E3Ht\EBN\EFh\9FPg\16\AB\BC\FF\C5^\DD\FE\8F\A7\D7Ak\EC\1FL\0C\0ACa\B3\D2\B6?&gt;\0D\E7\CA\D1\E0%\9A\B2\98[\FD\AA\FA\11&gt;#\D7\81\C2\D9i/\E8\E0\A3A\9F\DC\93\14\C0(\B5f\EA\EE\A5\F2\AA\C3\A1\A3\A1\BE\B3:n~\CBw\A3n\AEd\85\EA\A1\9B\16\B4\06\C2\C1\0D\99\E8&amp;\DB\FB\0El\0F\A1)?\ED\8A=K\D5\15\87\95\9C\D8\DB ~\E2J\DFM&gt;}oj\EC\F4\AB&gt;4&amp;B\17B\DA\D0\ED\83\DE\FD\85\E7\B7sT\AB\F7\FEq_G\93\02\DA\C7\C4\AD\D9H\9D\96L\DDp\EEY\96\11\CFy\85~\E8\A6JJ\FA\01\1EJ\C9\D3\F9\DA5\C0\89\F2\ED\A1\D5k\E5p\BD\1C=\D2\EC\04\CD\1Fs:\81l1\19\03bf\AB]L\A7[\13o\8DA\19o\BB\C7\D2\A4p(\C8kB\AB\C3\F3\FE\0AG\D8\9Bc\F0\CF\1B\CF\8D\F3\A2\B5\F8h\C0\13\EF\AF\AF\EFJ\1FV\DB\87\95\EB/\0BX\8By_n\D0\AF\F4e\D3b|\F2\D1\8B\D4\DCE\1F9\BB\D7i\99\0C\A5\AE\F9\BB\FB&gt;\D8\97~\F0\AA\FB\AE\09\8C\C0I;\F5\9AV\1C\90\EFH|k\D7\D0\E2?\EE\11\C3o\1E\10s\99\AD#\BC\E9\16\DD~\00\BAY\03\AB\B6?\C2-\F9E\B0#\B8\D2'\F7w|\8F:\F6\9C?\A3\BB$\8DG{\9Bp\F0\C5\DA\DEj\AF\00\02\878\A7\DC\B5\E3\0A\EF\A3}Q\BC\09\9D\CCB\19\D2\0E\1A\13)_\D7g\91\83c\09\C4\91R}\D6S4+@1\AF:8s\D4\12\80L#\A9\D9\80\BA&amp;\AD\8F\DB\F5\E2\B6\11]\139\C0\8D&gt;\B5\97J04Cz</w:t>
            </w:r>
            <w:r w:rsidRPr="00910B4C">
              <w:lastRenderedPageBreak/>
              <w:t>\D4\E93\CE!!\17\F4z\ED]\D7\F1pxZ\F6\DE\A3\0F\C5[\94\BE\83\B1`\D8g\CF\DC\90\0C\D9\E8\DEp\9E\A6xF\C5\CFg\13B.\E4m\FF\B2\F0\E9\03a~\A9)(\BAa\8E\0F\C3a\0ClYE\0F\1C9\B8M\B4\E6\9Cm\CF\8E\95\DD\9D\83k\93O\FC\B5\F5\B1\95\1Dbl\C7\CE\07\86\13t\D2\D0\97^\FF\E2\19r\E6\8Er{\07\E3k\CF\18\DEw\E9\8E\8B\02\8F]\BE.f\1FjJ\0C7\9B{\07\A4\FF&lt;\04\E72\09'tT\83xo:\9F\11\EF\D4\92!\ED`\BA=\1B\09\CD\D7`\AB\A5\A3\EA\0BK\9B-3\CC\03A8\A9\F4\8F\05\FD\1AT\1FK\DDQ\F5wK\DB\A8Y\DA\BAM\9F\0Fo\D0\BB\E6Z{z\ED\F2!\07\B0X\F2\AEdT~\F3PH:\E7O\91h\E3\D9\BF^{\D6\8E\BF\B1\14\83\BBR-Z\B0#\F0\85#\89&amp;\ED\FB\F5\FEG\EB{\CE\E5\80ypp\E7\88o\D9@\E8\F1eJd\F3G?\CCo\1D\8C\FE\E8|?H\9BU\0B\C2kY7\16\E4\1A\D3\1B5\14\AD[i9\B8\E0\F3\8A`\F5\A8\08V\EC:\08M\AD$\A6b-\D6s'C\92\B2z4\AD\17C\FD\E1\93|]\FF\DBR\AC\F6\C2q\D9\DC\B6|\BD\9A\AC\D7\82\DBC\9BC\AB\EA-\C5\AB\0EIb\9Bg\B4\E33\B1m#\D0\FDi\872\F9w\85\E7^7\A6\D4\BD\95\89\EA\E2\D0'\AC\FEok\B3\80\BBF\16\1E]\BC\B8\A3\BBs\DD/\07\B6\0C\DE\F0\8D\A37\B6\02K\94\F2\DE\17\07Z\FB\A3\DA\A3\E1\A8\B4\E1r\DF\EA\81\E8K\07\BD\8A\C5\BD\E7\C4hX\80V\C6\AF\D9@\A1\A7\C0\FDe\CC\88J\F9\C7\D2w\C1Y\BD\06\F4\D5\00q\CB\94\C9\08\BF\F2\9F~\0D\9A\178+\14\D3\A1p\C8\122\E0\FC\F7\A4R\AD\ED\97@9\D80\09\FD\E7\F4U+.\F0R\07=,\B8\EFH\B6\FA\97\A5\EF\1A\11\DF\9A\80\8A`\ED\BD-\19\85X\188\91S\9A\B9mz\8Ce\02\87Y\9AmTN\D3-GC\F6\D6\EE\C8\BA_\E9\93\C8\F7h\FA\10U\C9\BE\FC\92\E0\E0\E2\C8\DF\BF\15\19\\\DC=\F8X\E7\C1\D6H\AA\F5\0A\AB\A4\1C\85\93\8D\AE\C8:}V\B6\F3_Z\A4\D6\B8*\12u\F6\E6\9F""\83go\D8\B98\F2\95?u\0C~7\BA1v}\8A\AAYp\97\D6'$=__9\F0\8F\F3B\8F\CF\FB\F4\D9\B1o\EC\19H\D1#\EB1\E4\CE\F0U</w:t>
            </w:r>
            <w:r w:rsidRPr="00910B4C">
              <w:lastRenderedPageBreak/>
              <w:t>o$\CE\0C\CA\FD;\7F\00\DBC\B8\D8\E2@\87\A0=\F6h\C9\04l&amp;I\DD""\A8\976\ED\1D\BEC7X""ZA\\\EF\C9\BE\E9\D13\0E\A2\D3\034\0F\C98\D49=Y\CDC2\0E\82\CD\93\9D\F0\E8\19\07\F4</w:t>
            </w:r>
          </w:p>
        </w:tc>
      </w:tr>
      <w:tr w:rsidR="009F1CC8" w14:paraId="7D0F40EB" w14:textId="77777777" w:rsidTr="009F1CC8">
        <w:tc>
          <w:tcPr>
            <w:tcW w:w="1418" w:type="dxa"/>
          </w:tcPr>
          <w:p w14:paraId="7D1AEBBE" w14:textId="5652DF91"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0CD2CF8A" w14:textId="1EBC9F16"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0E7089D2" w14:textId="452FCE28"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0E6408F8" w14:textId="5604B317"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2EB8D71B" w14:textId="0D575C0A"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0420E574" w14:textId="6C59ADE5" w:rsidR="009F1CC8" w:rsidRDefault="009F1CC8" w:rsidP="009F1CC8">
            <w:pPr>
              <w:rPr>
                <w:rFonts w:hint="eastAsia"/>
              </w:rPr>
            </w:pPr>
            <w:r w:rsidRPr="00910B4C">
              <w:t>\92\AFKwO\BDe_\97\AE\AC\DE\D2O\89Rj\8A\EE\DEzK\B6.\DD\E0z\CB\B6.\DD}\F5\96n]\BA!\F5\C8g*\FBJJY\0F\EE\AFG\BE\FA\E8\86\D6#_}t\0F\D4#_}t\C3\EA\C8\17\D9O\D4\86\E6""|\02\1D?!\0A\E9\BF\D4_\D4_\D2\97\E9/\EB\95\01_\E0w\81U\81\DF\07V\07\FE\10X\13\F8c`-8\E5\8B\10\B9\02QH\F3\99\8E\D8\7F\D5\8Dz\BC&gt;\E4zR\8B\E1\B9\90z\9A \B0\1EY,gx\AA\BB\0A\F3\F7B\D0\E3jA\AC\F6-\A8\99J\F8\0D\C0@V\AD\93\8A\15\91\D5\C7$g3\D2\A9\0F\CD\B0\E8\BEL\7FZ\FF1\DD\C9&gt;\AB?+|\81u\81\F5\C2\1F\F8$\F0\89H\A08\8F&gt;O\FF\03\7F\EB^\DF(\D2\F57\F5\F7\C5\A5\F6\C3\F6\C3\02+\C5\C4\B7H\9B\B5\A2K\E8\83\D0!\1A3\82\F8.\BE\EEr|\AD\C59\C6\1B.\C7\B8\9Et\E7&lt;U\9F\A1\CF\A6\DC\16\EAK\C8V+\F55\FAz}\A3\BEE\DF\A6\EF\D4\F7(\FCz\FD\80~H?\AA\9F\00\CDF\F2\15\9E*\F8\01\C6\196\E1\8F\1A\8E&gt;\D5H4R\8Ct\F6\09\9B+\B9\12\A6\B9\CC\87\FCmD\D1\8A\A8O\18EF\07J7\DB\E8L\FC\B6\E8\07\8Cb\A3\87\D1\9B\A8\96\E9{\8C\DEF?\A3\BFQ\86\EBC\C6P\C2\8C0F\1B\E3\8C\09\FABc\B2\D1\9F\A8\A7\193\89f\8E1\9F%5\16q\0A}\89QA&gt;\C9b,W9\C5\F9n\F9\E0+\F9\A2rF\F2\8F\F0k\C0o\C0n\E3\1B\B4\DB\0C\921\85t\8E\D8k\D5g\DA\0Bv\82}R\DC\F6\89\B5Kc\ED\11\95#""\AF\CA/j_\A5O\D4^k\89r\9BQI\D7\15\C6&amp;\E2[E\A1\09\FA\1Ac;\97$I\B2\08)w\1A\CD\C9_I\12,Gh\A1\B1\CB\D8gT\1B\13\C8-\D2\E7Q\CE\0D\D4\A7\88\\\91\F6Es\DCh{\91-\88Z\A0\88\ECN\10'\00\B1FU\14\D6\B6)\81\D5\DF\F2;\EB\A7\B0N\9C\DFCpK\04~\10`Rm{\94\FB!Nm\06\1C\02&lt;\F6:\88\9D1\EDZD\BE\E0~\0A\BB\0AN\C9\9D\8CX/L\AD\97`\C</w:t>
            </w:r>
            <w:r w:rsidRPr="00910B4C">
              <w:lastRenderedPageBreak/>
              <w:t>Dp\86\9F\CEP\94!\C2/FlWP\CA\DD\0C\FB\01\FD\A0\C9\05\94O\1E\B1K\A0\06\BB1&gt;\1D\00\FA\B1\AE\1E\06\EB\DC5&gt;\AF3\B2g\02g4\C8\95\E3rg\80&lt;\AF\81d\0EEVg\E3\EB\F6\AA\87Q+|\B1\A6\DB\D8\08(wi\F0\9Ak\03\D4\89\D0\83-\FF\1D\EAi\8C\98^\88\FB\1F?\F7S\FAs\BE\DB}\A5\BE\81\BE!\BE\FB}C}\0F\F8\86\F9\1E\0C|\14\F8X\F1H\A2\94\CDEsp\19\FE\85\B8\B4\FAL.\BCo\E4\EC\F1\9A~Z^\91\91\A4\93\BC\C7\D0g\9Ea_\CC\B9/\A2\BA\BB\08;\BD\EB\FE\977\80\E7\FF\A2\18:I\B9\0An\D1\19\F1Z\8B\FF\F2\18\9E\11\DAJ\C4m\8A\8Ek'j\EB\AA\FA\EAUam\DB\91\AD\00\ED\AE\B6\E6\C89\C2\83\CA:\1Avn\D4\96@*\EE=j\E3u\E1\D5\9F\D3\9F\13\02\EF=4\FB!\FB!\A1{\BBz\BB\0A\83J\A0\\\98d\F5\8FDv\E0c\B2}N\E8_\A1\C3""7\86g\B2\9A\17\F7&lt;\AB\\Sh\0CN\C7\BF\D7Y\E5\9B\8BV!\EF\09GPX\A7:\F8\AC\10\A8}\81\06-\96\A9\E8\DD\F1\0C\F7\BAl\D0\93l\D0'\86\EE\F3\CB\EA\E6}z\09\AA\CE\A1\04Uu\EA\94;\FF7Ul&gt;\F9\05t\87\90|Z\9B~\D1r\E39YK\FA\0F\88Jrn\F2i.,\EA\A3\F8?H=]8W9\C9v\D3\F3\9C\D4\19\D9zz\91\EB{\CE\B8\A7\E3\\\83\B3\CF=\95J \93\FE\BD\C9\F5;\87\FC3q\B6\F6\D9\E7\9F&amp;l\BA\17\E2\7F\1Fr%\E7 \87sQs\AA\CEi\CD\A9:\A75\A7\EA\1C\D7\9C\AAs\\s\AA\CEy\CD\A9\AAg\FC\FF\A2\9C\DF\ACw\FC?[\\\E3\C7\FF\B3\C5\97-\D0O\F5\EC#\A3&lt;\FD\FA\F3\D1\F9\E3%4\7F\DC&amp;\F2\F5\ED\FA\1E\D1J\DFGs\C9\AB\EDQ\F6(\F1M\CC(;aFy-f\94\9D1\A3\E4]\DC!\FB!\DF\1D\BE\12\DF\9D\BE\BB|\FD}\83|e\BE\FB|\DF\F1\8D\F0\8D\F4\95C\06\B7\A5\A6)K\8D\FC\02\1A}Y\12GJa\BA*\85\F3Af\9E\8F\14\D2\8C$YI|\BA9^cy\CA\D9\C7\E0\E8\ECc\E4Y\9F\134V\92\C8\FCdHt~\F2\D5\C9\C2m)3\AE-\C9\B6vf-\A2\CFYh\11g\96o\A4^\F7=\0B\F5\FA\CC5nF:g\D7\B1Zd\8C?3\1DJ\A3c\E9\C8\B34\C7hl\FE\91\D1\B0\7Ft4\FC\B2%\F8,[V}\C5\B6\AC\FA\CAmYuF\B6\9C\16\1D\C5\CF\9F\B1izt</w:t>
            </w:r>
            <w:r w:rsidRPr="00910B4C">
              <w:lastRenderedPageBreak/>
              <w:t>\86p&gt;\C8\1C)\E7\19\98C\9E/R\F3\E87\D8u\EF\FDU\8F~C\\w\E7_\9D,\054[/\A4\FFPre\EAm\F6W'\0D\B7\DF&gt;g\A5\FD~\9E\91\B4\EFYi\85g\96s\A4-\F5;+m\E9\CC\F3\EE\AF\EE\03S\CFb\7F\FD\8BFK \EF\15\07\E0^\B1$Z\FB\BE\\\19\D2\85\87R\E6R[\CC\C5y\96\E9_\89\14\\\03K]\CF\14\BE\9AyP\7F\D7S\81/[\82\C8s\83Hm\F8*d87\A5</w:t>
            </w:r>
          </w:p>
        </w:tc>
      </w:tr>
      <w:tr w:rsidR="009F1CC8" w14:paraId="3820EA07" w14:textId="77777777" w:rsidTr="009F1CC8">
        <w:tc>
          <w:tcPr>
            <w:tcW w:w="1418" w:type="dxa"/>
          </w:tcPr>
          <w:p w14:paraId="4D3A76E6" w14:textId="6FA17185"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56F03563" w14:textId="6B72A793"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583CFD04" w14:textId="2893983B"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36C36B6E" w14:textId="4143E394"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01FD20CC" w14:textId="647E7DEE"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66DFF0AC" w14:textId="47710EAC" w:rsidR="009F1CC8" w:rsidRDefault="009F1CC8" w:rsidP="009F1CC8">
            <w:pPr>
              <w:rPr>
                <w:rFonts w:hint="eastAsia"/>
              </w:rPr>
            </w:pPr>
            <w:r w:rsidRPr="00910B4C">
              <w:t>\95kD^$b)\9A\97\8C\E5\DD\EB\E5'*\C7\E6f\F9\D2\CC@\CCZ\F9\FE\FDQ\1B\F6X~""\D5\86\CD\A6\D4\83\B1j\06g\D8U\8E\96\0A\91\9F\98\BC\12\C6,'\CDP\F1\05\DF{\D0\89@*@z2\F7\BF\FE\9B\F0\E5""\AA\BF\FE\C7\7F\F8\F6o\7F\F9w\FB\F5\F0_\D3&lt;}J&amp;#%\95\19\93Y\AA\01x\15\F1\B80\E0\88Y\9E\B2\06\8E \F5\D1\19P""\D7\02t\9E\FA\94\81N}\10\E4\A4\0E-]\1A\81w\B0\97\9F\A8\1C\DB\9B\E5\A4\9D\91\9C\B5\A3&amp;=\A1\E2\F3\A1L\B8\8D\DB\D8\9CJ\BE\D6)\E3\97H\15\84\0E+%\87\84%s[\A8\0E0\D1\DD\B8\03z\D7\B5\DDKw\95\F0\83\C5\F7_[\D8\EA\EE\A5C]\0C\BE\A0\A1\DC-\06\B5\F7\D2\BD\19\0D\AF\BA{\E9&gt;\8F\87\F7\97\B8\97\1E\87;T\BC\97\AE\8A\FD\AC\BDzG\CF\80\F7\C9W21\A0k\09YW\01\D7S\CCu\80\EB\A8\1Ft\AE\0A\1B\E7U\D1\0E\B2:\AE\F6\A3\E1\D5\C7\D5\B8\12\00K\E5\0A+A)W\E3\F92X\BD\EA\B8\DA\8F\87\F7\D7\E0\EAznF\83\8F\A4tK]%W\BB4\A4\11\C33\B8\CE\B5\A7j3\A8\13\92\1C[\EBwGm\85w\AF\FA@\BF\1D\92.\A8\A8\BAD|h\E1a\CE\1D@\86\1C\0Co\17k\D9\DE\0C\BD\C4\9B1\9E\FC\FE\C0\CC\A0\86\F2\FD\C7*\A2W*\E1\E3\A9\EDX5\B7q\EF\0F\15y z\CCI\EF\A0\EEv\BAvMF'""\D4\E5\D4A\D5\F6.\05\147:\0E\9Aw)\EE\9F\\b\CC\A4\B4\DB\F08\\\E4\D1w!\0F\AFu\A0\EAT\F2\93\89!\0E\AF\BA\92\0Dx\80\CA*\81\B5\07\A7\0B*z\81&lt;\D6\F6\EC\09\16\EB^\9B\AD\B2\CA\1D\93\02l\F0-\A8\DE\14\DA&amp;\D4\A9J\D5\12+\13o\B5\95\EB\F6\15\B7I\02\EC\A9\BE\B8}3\AFJ\9F\B3\</w:t>
            </w:r>
            <w:r w:rsidRPr="00910B4C">
              <w:lastRenderedPageBreak/>
              <w:t>0A\C8l09M\D6T\\c\BCVG\0An\CAsT\EB\B2\BCs\C6\D5\82\95\8D\ED\C1\1F_\95=jy\B5\F2\1A\D8z\DD)\C4G\D1c\FE\05r+'\8FntxEH\E8\A0Q\FB""\E7U)\ED1?Dn\A5\0B\A8\01Nu\9C\1Fg\D8C\A5\9Dd\F1\E6\C2\FA\B0?\84!\E6\F0\FCJ\D5\D0\EE\89\94\9CY\EAtr\87\E6\C3`""\0E;UP\01\0F\D9\D1:7;\9D\E69\9A\0F\F2\F0\AA3$\ED\90F\B4-\DA\C9\FFvqz\F4+\A1\B9|\AA\D4\C7\85f\85\BC0t\EA\E70\1D\94\E2\98;\97\D0\0EJy\\\A8\E2\93\E41\C5AF\A6\9C\DF\A4\E4""\17\9F\1A\AF+=(\8Ai@\DF\06iCKz\10\1B\F1\C0;\D8\CB\D9E.\96\06\D4\FC\1DI\FE\83\D3\83\AA1\B6If\B2\DF\B1\E5\CB\AD\99\8A&lt;\85M,i\BA\17\B1\C8OT\9E\B2\B9\DA\9E'\DA\0E\93_\10\9A\0D\BEf\16\EDWin._\C9P\A6\94Gkn\CC\E9o\D2\B7D6g=\C2\A7\CEzdk[\CEz$r\1DY\8F\84\15X\D6\A3\8E\CCh\99\BE\18\ADi\01*\A7p\CB\A9\DDb\D6c\CAE\A45""g\B4\C6\B2\B5I;#9kGc\D6c\1D\AA\\\15\12sq\B4\05\B3\DB\A3\97\10\DF9wo\BA\0A3RwU\03{\CA}\FC\09PW\D6\EA\C6d\\\97\B5C\EE\A3\B9\91m\87j\8F\94&amp;\B1\B8\E1$\18\EB~*\E6\1F&lt;\1B$=\A7\EB\99\7F{\E4\9E\F9%P\D4\F5,\C4\87\EE\99\1F1Y\FDA\E9\0E\C2&lt;\D8K0\B4\DFA\0F=\1B\93\0F\F5\EC\BA\EEz\06E\AF\0F\F5\E2\BA\EEgc\FB\C8\B3\11\17\FFN\BF\EB\C3C\F7\CC\CFN\B6\FE\DCL\8A=\DBgWU\BF\CE\F2#\CFFB\E7w\DD\F5\D2\B9\09\F6\A1{\86\F1\95\80\8F\97\0A;h\F7\C8=\CBf\8E\B3\F4=\F3\0F\DD3\8C\15\14Y\A7\06\9D\0F\8C\B8\\\B9!\E3\FB\18\127&lt;\F4:\C3\C0X\B6\E7{\C4w\9E\8D\1F\DD\B3\CA\0D\D9\1B#iq\F0\C8s6E\08s\90\F9&lt;&lt;v\CF*7\E4&lt;eG\F5s\E6\94\C6&gt;\91\1B\8A\CC\D4\D4\DE~t\E3\01\F0\9ET\81)\FB\ABW\EA\8E\8F\DC3\F4[\95(;\16\\y\E8\9E\D5\0DUR\C9\92\82\E4\F7jc\C6W\EF\F6\AFu\D8\E2\8D\0F,\A8cE\B3\C8+\BD\A5\82\EF;\01\D6\D5\160\8BiW\9F\FD\95""\8C\BD\08\AF\14\11\B1\8AW\8AH\88\88\BDR\E4\94\BDR\C4pR\B9\D3\F6J\91\93_)r7_)\CA\A6\F0\EE\F5r\FEJ\91\93_)\1A\88\8D\C6\F0\96-\9B\82\AE\16\FB5[\E4\14\8F\DA\D3\F5n\A7</w:t>
            </w:r>
            <w:r w:rsidRPr="00910B4C">
              <w:lastRenderedPageBreak/>
              <w:t>y\C5\CB\CC\AA\8AAZ\08\9Br~m\A9\05\0C!\AB\8A\C1Y\0F\15\EA\E4.m\A1\BA\F8V&gt;{\EA\12\A6\FF]\A1\1A9\19A\07O\CBI\07&lt;\19A\05\01\82\B5""P*W\02\D4Q\B2\14\93\11\DC\EDd\04\C6\D5\D8\C1^~br7HF\18\C9\8D\EEd\84\96Q\FA$\F6\FD\CD\8B\C9\FE\D6\ED\8F\BF\A5\CA\C9ga\AD\ECE\D6\02\0B\BAX\0B\F7\98L\06N\19\19,\D9\94\1C(\91+\01\EAE\D6\92\D9\8CT9\A1K\A3\F0\0E\F6\F2\13\93Sv\A2\ED\8C\E4\1AY\0Bmms\B6[\1FC\C7\04\BF(\ED\0D\E0\8Aw\AF\0Aj\A8\EA\F0\D9\AB\D4\9D\08\DB\9C?\BB\8E\19\0CQ\0C([g\C9Epgn</w:t>
            </w:r>
          </w:p>
        </w:tc>
      </w:tr>
      <w:tr w:rsidR="009F1CC8" w14:paraId="3BEC6168" w14:textId="77777777" w:rsidTr="009F1CC8">
        <w:tc>
          <w:tcPr>
            <w:tcW w:w="1418" w:type="dxa"/>
          </w:tcPr>
          <w:p w14:paraId="61BEDC77" w14:textId="7B35D61E"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721CBDD5" w14:textId="63B1F324"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53AB9734" w14:textId="3CC9AA8F"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78D4856C" w14:textId="1FA0FACE"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0C0F70C8" w14:textId="7DC275EB"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4766558A" w14:textId="574CA64A" w:rsidR="009F1CC8" w:rsidRDefault="009F1CC8" w:rsidP="009F1CC8">
            <w:pPr>
              <w:rPr>
                <w:rFonts w:hint="eastAsia"/>
              </w:rPr>
            </w:pPr>
            <w:r w:rsidRPr="00910B4C">
              <w:t>\98a\CA\9F\1E\AB}\EE\D2\D8\DA\93\BB9\EEzc\ECu^\CB\B8\EB\B1\B1\D7\97\8E\89\BB\DE\15{\DD\ACM\ECu\F3""\D75\C9\D7\BC0.\BE\C7\97xm\D6s=%\8E~F=\D7\AE\DAP\E7z\0E\AEM\1A\C3\92\D5&gt;~\D6r\9E\F2\F7H\BF\85j\1F-d\DD\B9\84\C6\ECb\9A\8B\F7\A5\BB\84\C1t\970Z&lt;&amp;&amp;\89ib\96\98Gw?K\C5J\BA;\DD \B6\D0\1D\E8nq\80\EE6\8FS\86^-\AC\A5h\AA=\B6P\A5\DEB\E5S\D0J\F9\1B\A4\7F\B9\AA\89\97\AF\92~\CB~\CA_+\FD+\9A)\BF\8F\F27)\FF\A8\F4[\0DR\FEj\E9\B7\CEV~O\E5\8F\93~a\BA\F2U\0D.&lt;)\FD+G(_\E5\D7F\E9\DFf\A8\F4\AF\D2\95?[\FAE\AAE\14m\97\FE7\CAcK\A1m0\D6\EAm\FDq\D7\C9q\D7\ED\E3\AE\07\B9\AE\89\7F\FB\A4\D8\F8\F6\03\E2\AEG\C4^\7F{T\ECu\B7\B4\D8\EB\1B\A6\C6]/\8F\EDsoX\8D\EB\14\9A\BFu\A49Z\0F\BA\CF*\A5;\C0at/5NL\14S\C5L1W,\14\15b\85X#*\C5f\B1M\EC\12\FB\C5!)\ED\0D\93\95\BFO\FA\DDGI\FFF[\F9\CA\8A7\AAR\EC\D1F\F9s\A5\7F\93_\F9\CD\95\AF\FA\99\9B\94\B5{\16*_\D5\92\9E\E3\95\BF[\FA7wT\BE\E2w\B3\EA\C7z\F5W\FE:\E5\AB\DA~\8B\EA\EFn\19\12k\F5[6\C6Z\E9\96\03\B8N\A2\FB\CB\C6\D9Er\A9\92~\EF^\CA_,\FD[\95v\B7*\E9\FB\A8:\D6Gi\D5g\87\F4oS\DA\DE\B6L\FA}\95u\FA*+\F7UZ\DC\AE\DA\D0\ED\AA\0D\F5k\AF\FC\E9\D2\BFC\B5\C1;\86(\BF:V\DB\92\B8:X2\0D\D7\81\98Q\B6;\DD\CB\97\88AB\B5\8B\125\AE\DEY.\FDRe\F9RURw\A</w:t>
            </w:r>
            <w:r w:rsidRPr="00910B4C">
              <w:lastRenderedPageBreak/>
              <w:t>9v\D5\DFQ\FEB\E9\DF\DDI\F9J\C7\01\AA\86\0C\0C\BA\DA\11\CD\FC\07\CEs\CD=(0pi\ECh1p\95Kf\A6\DF\17{=hp\ACN\83\0E\C6]\1F\8F\BD\BE'\AE\9D\DC3&gt;\F6\BA\CC\8E\E5_\D6*V\9E\B2\F6\B1\FD@Y\97\D8vU\E7\BAS\DCu\87\B8\FC\DA\C6]\F7\88\CB\BFO\DC\F5\86\D8\EB{{\B8\F6\F8\C83n\8B\C1\A9\BB\B8Q\FB\8D\A7=?k1G\F1\B7Z\CD1\E6\18^\85i&gt;#togo/az\FBz\FB\8A\0B\BDc\BCcE\B2\F7Q\EF\E3\E2""\EF\F7\BD\DF\17i\DE'\BCO\8AK\BC\D3\BCsD\A6\F7_\DE#\E2\F2\C0e\81\16\A2u\A0U\A0\95h\13\F8 \F0\81\B8\CAy\D5Y/\8A\9CJ\A7R\B4M\08'\\(\DA%4MhJ\F7~|\AFc\E1$\8F\A9b\83\A6\F3:l\CF\12\0F\AF+K\D3\B2iF\\Hs\E2\CE4+\EE\A5\F5\D3\06hC\B4\E1\DAh\ED1m\926M\9B\A5\CD\D5\16j\15\DA\0Am\8DV\A9m\D2\B6j;\B5}\DAA\ED(\A5\\\ABm\D0\B6h\DB\B5\DDX/xL\AB\D1m=\A8'\EB\E9z\BE\DE\12+5\BB\E8\DD\F5\DEz\89&gt;\88\E6\D5#hf=^\9F\ACO\17iz\A9^\A6\0F\D3\CB\F5q\FAD}\8A&gt;C\9F\A3/\D0\97`\E5\E5:}\A3^\A5\EF\D0\F7\E8\D5\FA\11\FD\84\A1\1B^#L\B3\F1L\9A\8F\B7\A2\94'\0D\D3p\8C$#\CD\C85\9A\1B\85F{\A3\B3\D1\CD\E8E\F3\F4\FE4S\1FNs\F5\C7\8C\89\C6Tc\A61\D7Xh,1\96\1B\AB\8D\F5\C6&amp;\91f\CC6\E6\1B\8B\8De\C6*c\1D\CD\E3\B7\D0L~7\CD\E5\0F\1B\C7\8C\1A\D36\83f\B2\99n\E6\9A\05f\1B\B3\83\D9\C5\ECn\F62\FB\99\03\CC!\9E\15\C2 [\BD\E8\F9-\FC\0A\CFJ\F8/y~\07\7F\A9g\15\F9/R\E8\F7\F0_\F4\AC\86_\E1\F9\03\FC\97&lt;k\E0/\F5\FCQ\E8\E4\AF\A5\AB\0A\A2~\05\FE\8B\9Eu\F0+&lt;\AF\C2\7F\C9\B3\1E\FER\CFkD]\E1\A9\A4\AB\97\88\FAu\F8/z6\C0\AF\F0\BC\01\FF%\CFF\F8K=\7F""\EA\97&lt;\9B\E8j)Q\BF\09\FFE\CFf\F8\15\9E\B7\E0\BF\E4\D9\02\7F\A9\E7\CFD\BD\D4S\05\F9\97x\DEV\FAmU\FA\BD\A3\F4\DB\A6\F4\FB\0BQ/\F1lWZ\BE\AB\B4\DB\A1\B4\FB\AB\D2n\A7\D2\EBoJ\AF]J\AF\BF+\BDv+\BD\DE\83^{\94^{\95^\FB\94^\FF\A7\F4\DA\AF\F4z\1Fz\1DPz\FDC\E9U\AD\F4\FA@\E9uP\E9\F5O\E8uH\E9\F5/\A5\D7a\A5\D7\87J\AF#J\AF\8F\A0\D7Q\A5\D7\C</w:t>
            </w:r>
            <w:r w:rsidRPr="00910B4C">
              <w:lastRenderedPageBreak/>
              <w:t>7\AA\F4\8E)\FD&gt;Q\FA\1DW\FA\FD\1B\A5wBi\F9\1F\A5\E5I\A5\DD\A7J\BB\1A\A5\D7)\A9\17\DD\CCC/\AF&amp;\F5\F2\EAR/\AF\C1zyM\A9\97\D7\92zym\A9\97\D7#\F5\F2z\A5^^\1F\EB\E5\F5K\BD\BC\01\A9\97\D7\91zy\13\A4^\DE\A0\D4\CB\1Bb\BD\BCa\A9\97\B7\89\D4\CB\9B(\F5\F2^ \F5\F2&amp;I\BD\BC\17\B2^\DEd\A9\97\B7\A9\D4\CB\9B""K\CF{\91\D4\CF\9B*\F5\F3^\CC\A5\E7M\93Zz/QZ\A6+-3\94vy\907Si\97\A5\B4\CBV\DA\E5(\EDr\95v\F9J\AFK\95^\CD\94^\97)\BD\9A+\BDZ@\AF\02\A5\D7\E5J\AF\96J\AF+</w:t>
            </w:r>
          </w:p>
        </w:tc>
      </w:tr>
      <w:tr w:rsidR="009F1CC8" w14:paraId="790A7322" w14:textId="77777777" w:rsidTr="009F1CC8">
        <w:tc>
          <w:tcPr>
            <w:tcW w:w="1418" w:type="dxa"/>
          </w:tcPr>
          <w:p w14:paraId="76619730" w14:textId="2D4CD9DB"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18F2066C" w14:textId="2832A458"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17ED2BFD" w14:textId="39D79411"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00BD38B8" w14:textId="1E5830B0"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763599F8" w14:textId="3850819E"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0160C8F8" w14:textId="32943B80" w:rsidR="009F1CC8" w:rsidRDefault="009F1CC8" w:rsidP="009F1CC8">
            <w:pPr>
              <w:rPr>
                <w:rFonts w:hint="eastAsia"/>
              </w:rPr>
            </w:pPr>
            <w:r w:rsidRPr="00910B4C">
              <w:t>\A0\E2(#_.I#d@\B28c\B7 W\EAU~`~\C5?\B3\AF\8E?e\9F\8F\BA\AF\C4/\13\EB\9A\7F\C5\EF\F8H\AFe\F0F\A9?\80n\E7\D6\EF4\CDV\E2\EA\09\E6\B8\D4\DAH\E3\F2b\8F\C9c4\8C\C5\D5\A5L\A9\DD\91\FA\7F@\05\14Q@\05y\FF\00\C6\AD\03\C7\1E,\F0\AD\AE\89\E0\9DKO\D1\BF\B4\AFR\CB\\\D4ng\9E\0B\CB]*H\E4K\89t\F9""\07e\F2\EEF\89\9C\14\0C2\C3\81^\81_*\FF\00\C1A\EFu\CF\F8E~\0Eh\9A'\8A\FCA\E0\EF\F8I~&amp;\E8\DA\0D\F6\A3\E1\9DFK\1B\CF\B2\DCGr\92*\C8\9F\83\00\C0\AE\E5RA\C5\00|\EB\FF\00\05*\B9\F8\FBg\A5xO\E0\D7\C3]\07\C7\1E*\F0L&gt;\1F\B4\93R\F1F\97g\A8^jZ\94\A1n\ADe\B6\BD\BA\83\F7r\AC\91yrI\1B&amp;Y\981\E0\81\\O\C1_\84\FF\00\0B?\E1\15\BA\FF\00\85\BB\E0\DF\8E\1F\F0\92\7F\C2\BF\7F\0E[\FF\00\C2\C8\D2\ED~\C7\F6\AF.=\B6\1E\1B\FBJo\FBv\FF\007\ECp\8F\9Bo\99\F2\E74\7F\C2\C6\F8Y\FF\00\0B\F7\FE\15\17\FC.\EF\DA\BF\FE\12O\F8I\BF\E1\14\FBW\FC%\96\BFc\FBW\DA\BE\CB\BFv\ED\FEV\FEs\B3v\DF\E1\CF\15\EC\1F\09|G\E1]\07\F6m\F8\FDo\F1\97\C6\FA\C7\884\DF\06\FCF\F1\06\95\E1\FD{\C4\9A\B4W:\F4\12\DAY\A0\B5m6{\A2\02\EA\0A\A2W\84\C7\B4\89\19\8A\81\93@\1E\01\E0\9F\14X\F8\C3\C02\F8s\C2&gt;\0F\F0\BF\C1\0DK\C2&gt;-:d\9E/\F1\F6\98\BE\1F\D3|A\A2\DA\C4\B1\9D\0B]\BB\8C\93u\A8\\3$\B7VxX\E4X]\B06\8A\FA\7FE\F1f\87\E0\1F\15|*\F8E\FD\B3\E0\FF\00\11\F8\93Z\BD\D2\BE""}</w:t>
            </w:r>
            <w:r w:rsidRPr="00910B4C">
              <w:lastRenderedPageBreak/>
              <w:t>\AB\C6WIu\E1\BB\0BY\A4\16\BFa\F0\A3d&lt;R\A3\AEla\D8Ubg\F9\C98\AF\88&gt;$x&amp;\C7\E0N\95\F0\FB\C5\DE.\97\E2G\8D&lt;\13\E2\7F\1C\E9\FF\00\10#\8BRe\BF\D0ot[\95iDW\E2EH\E4\D7\9E(\DF\CD\\\B4m\1B\9F\9C\82M}?\F1\AA\CBC\FD\A0\BE\CB\F1\0B\F6|\F0\A7\F6\CF\894\DF\86i\15\A4\F7:ts\E8\FA\05\AC~d\E9e\A7\B5\96\F7\B5\F1$\0F,\06(\83\05\8D\0F\1C\954\01W\E2\87\C1\DF\88\BA\0F\C6\8F\8A\1F\B4_\84t\BF\D9\DF\C4\1Ao\83a\D5#\92\C2;{\9B\99\A0\96\D2\E5\EF\8D\CD\C4q\A0\0B\AC\AA\84W\93\CCR\0Bc\8C\86\A3V\F8\C5\F1\17\C1\FF\00\B2\1D\E5\C7\8E\B5K\7F\1Fj_\14\F57\F1&gt;\BB\A0\F8z\E2\E7R\D4\BC?\E0mOO&amp;\E6kX&amp;pmV\DD\95\D1\1AM\F6\D1\B3\A8fl\9A\F8\D7\E1\0F\C5\8F\1Cj^\15\F1\AF\C2/\19x\CB\FE\10O\0D\DB\EBW\BE2\F1\AD\D6\A1\AAO\A7x\93Y\DB\1AZ\EA\1ATM+\EC\B8\B9\99\0B\95\B6\99&gt;yP\EFl\02+\EFO\8D\9A\B7\C3\AB?\00\FE\C8\BAg\84o-\E0\D4\BCA\A9\F8CD\92\CFR\96\D9u\EDK\C2\13\C5""\9BK\F4\8C\E6[I\1B`\96,\18\1AL\8C\1E(\03\CD|e\E2\CF\F8D\FC+\F0\C7\FE\12\BDg\FB\1B\C3z\96\8D\A5\E9\BE\02\FF\00\857u\E4|S\BA\D2\A4\8D\BF\B3-\F5\1F0\84{fEo9 \CA\1B\C1\17\960\0D|\BF\F1\D3\E2G\C6\1F\03\F8\FB\C2\DE.\B8\F8{\E2\8F\05\F8'\C3\1E \B5\BE\D1\E2\F1F\8Bya\0E\B9\A8[K$\B0j:\B0,#\B9\D5g\89\7F\7F:\15i\026\08\035\F4\AF\ED\A5\E1\CB\EB?\DAK\E1\0F\C6]3\C1\1A\C6\89\E0\9F\03x\B7H\F8\7Fk\E1u\D2Z\DFR\D4\A5\B2\BC\9E\E9%\D2\EDTyr\DAI\16#\81\83\A9f\1BB\003^\7F\FBP~\D4\1F\0E\BE;iZ\7F\C2\AB}?\E3F\A3\A9^\FCS\8F]\D64\BF\12Cm.\A5e\13\AC\B6\D3\E9zlBW1\B24\9Ba\B7t\C2\B1`Oj\00\F5_\82?\18\AC~\1A\EA\BE\01\F1\F7\875O\14i&gt;6\F8\BD\E3\9D&gt;\D3\C4\BF\0F\FCip\B0\E9\AF\16\AA\D1\CFw\AD\E9\1Az:\C8`2\A2\C1ow+H6\87F\DCy\AF\D4\AA\FC\8B\D3\FC/\E1[\CF\DAK\E0g\C3_\08\F8\C3G\9FM\F0\FC\DA\17\8Cd\D5\BE(jq7\8</w:t>
            </w:r>
            <w:r w:rsidRPr="00910B4C">
              <w:lastRenderedPageBreak/>
              <w:t>A\B4\D9`\BC\16\E7\C2\91\CB\18\C4M\1A\ECa\A6\ED\05f\F3\0E\E1\C0\AF\D7J\00(\A2\8A\00+\E5_\F8(=\96\B9\FF\00\08\AF\C1\CDoD\F0\A7\88&lt;c\FF\00\08\D7\C4\DD\1B^\BE\D3\BC3\A7I}y\F6[x\EE^FX\D3\F0PX\85\DC\CA\09\19\AF\AA\A8\A0\0F\C9_\F8W?\0B?\E1~\FF\00\C2\DD\FF\00\85#\FBW\FF\00\C2I\FF\00\097\FC%\7Fe\FF\00\84N\D7\EC\7Fj\FBW\DA\B6m\DB\BF\CA\DF\C67\EE\DB\FCY\E6\BA\0D'\E1\87\8A\BE%x\06\CE\E3S\F8_\E2\884\DD\7F\F6\9FO\13\DDh&gt;!\F0\FC\AB2h\B3\C4\0B\CDu\03+\01\00W(\ECs\1Ew\02\C6\BFR\A8\A0\0F\85\7Fh\AF\D8/\C1\1A\D7\F6\1D\A6\B7\E2o\8E\1E#\F0\DE\B5\E2h,\AC|+\E1\9B\F8.\B4\7F\0Ey\DEh\8EU\B5x\0AZX\DB\A11\86\\</w:t>
            </w:r>
          </w:p>
        </w:tc>
      </w:tr>
      <w:tr w:rsidR="009F1CC8" w14:paraId="1E7944F8" w14:textId="77777777" w:rsidTr="009F1CC8">
        <w:tc>
          <w:tcPr>
            <w:tcW w:w="1418" w:type="dxa"/>
          </w:tcPr>
          <w:p w14:paraId="20EFE387" w14:textId="72FA64C1"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2DF880F2" w14:textId="03894E4A"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317781A8" w14:textId="458D0FB9"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50B5D748" w14:textId="4FA117CE"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6B10C968" w14:textId="721B0D61"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7E0B9C54" w14:textId="7BBB7670" w:rsidR="009F1CC8" w:rsidRDefault="009F1CC8" w:rsidP="009F1CC8">
            <w:pPr>
              <w:rPr>
                <w:rFonts w:hint="eastAsia"/>
              </w:rPr>
            </w:pPr>
            <w:r w:rsidRPr="00910B4C">
              <w:t>\A2U+U\A8\CB.l\89O\D1\06;\A0w#\DDH\07B\EF\1D\C9\E3\FD\8CA*\B5\BA\CD\D3\92d\EB\D4!8\18\8E\DD6\E0W\C6\96\C8\0Ej\F6\F5\E5\19\FD\8C\13\83\85\1E\C19\C1#\83\15\DA`!\98\E0\0F\E8\B3\1FZbcc\A7K\B0\16Il#d\9F\F9&amp;\B0\CF\B0\13\F0\C3lv\1A\E1O\B6&lt;\06\9A\A9\82\FC\F9\08\9A\F00\E1\C5\D8x\87!$!\BD1d\D6\FF\16F\B4N\EA\1E\1E\D35\C6\A2NP\87w\19\95\9D6\A6\A7Cm\8D\CF\9F&gt;L\11\A2\12-\86e\11\C5/V\0F\8B\89\ED\DE\C6`k\D3N\0C\1F\D0?1\B6g\86\C3\DC\A9[\C6\88I\99Jf{\BB\81&lt;\84\C3\BCz\93Q\FDb\1D\BD\EDO\ABZ?\DD\BD\B7\AA{wUo\85\A1o\C7\8EzC\EF\DEBo\071\E8\09\F8\90\F8d\12#\C4l\17\8AH\88\90\F1z\18\CC\E8_  \07\F9\B3\DD\D0\E4\83`\16\93\D9G\F4\F2\8B,\FC1\B9\C9g:\ED&lt;\D3\09j\B2\8C\F8\AF&amp;M\AFA\B4\D9\CE\8C[xt\BC\B5u|\AB\B0\E0X\8D3%\BFW\DB\01\DD\DBL\E8\9A\1A\A1j7\B8!\AFsz;C\B4\D9\1A\D7!\CE\1E\91\18m\E9\981\AC\832A\15\DE\B6[\8C\A3c\84d\8Ch%\85\1A\BB'\B7\0D\8BMm\9B\97g\EE\D93Q\938*\AB\83\CEl\D5\86[\E0\96\18\D6\B6\B3\A3szl(\CC\BF\0D\CC\BF\9B\EAy\A2\05m\90\04\05h\08%\A268$$X\01K\F9+\02\BB\1B[;\C2f:\06?\A6O\F6|L\CF\1E.\08mL\F2\AC\BA\D1n\8D\97\C6^9\ABk\15\1Dki\9F\AFz\FE\0B\</w:t>
            </w:r>
            <w:r w:rsidRPr="00910B4C">
              <w:lastRenderedPageBreak/>
              <w:t>1B]\A80\B6\8D\D2m\00\0D\0Dw\7FF{\D3\8F\15A\D2 B\BE\18J\82\7F\05w\1B\D8j\BAta\9F\B4O\87^\DE\C6\DC\\\CC\0D\DAL4p\14\C0&lt;#\11\E8@\CC\1B|C^7h5\1C\F3\F2&lt;y1Z\9E\D7\06\F2\BA\D1\13\90W\E0\C9\A3\98\87n\90\D7\1Fn\CE\0B\C1Boa\16\8D\A5?S\ACSn\94\BD\AA;\FAE\E8\FF\A5\FA\97z\9B\EC\83^\D2L\D4L\0C\AE\0Cy&gt;\E4ym\9C\F6\1C\F3b\17\E6\A5!\D2\10\FD\1E\D8\8F\9B\F7\0BB\17\98\D6\9BOX\A2\C2\7Fd\FBED\B0s~\ABn\AE\9F\BA~\1A\F5\9F6\97b\EAb\FB\B6\7F\B6\A3"".\BBS]\C2'\9D\13:'$\BD\FB\F0\FBd\F9&gt;\1E\9AR\DA\E5\07\B7\EB\BB&gt;\E1\F5\CBZ|\8Bo\F1-\FE6\FC\C6\FB\E2\F7\B5\F8\16\FF\00\FA\D3]\AFw\B3\B4\F8\16\DF\E2[|\8Bo\F1-\BE\C5\B7\F8\16\DF\E2[|\8B\BF\1D\DF\BDu\8B\7F`}\FB\16\DF\E2[\BC\8F\FFa\F7S=\F2{\8C\E4\FE\7F\D0\FF\A8\C7\FA\1E\9Bzl\E3~\17\FA}\A9\CB{.\EA5\85\F9\DE\11\BD\B7\F7\C9\E9\F3\C7\BE\19}_\EF\D7\AF\DF\9F\D3\82\D3J\D2M\E9%\FDi\FFE\19A\1933\07d~\96\F5\BB\01\0E\F0/\7F\83\FE\17\8F\AE\CF\D6d\0F\C8\FEUN2\F7\E5\E8'\E7&lt;\93\F3R\CE\8F\B8\FFe\8Bo\F1-\BE\C5\B7\F8\16\DF\E2\BF}\9E\10\FC\DE\9E\0C\C0\C1$\91(\88\9A\98\89\D9\BD\85\B4'\A1\EE\D1$\99(\80N\06\DAIrH\8E\FB]2\8C\18\DC\EF\00\0Eu\BF\08x \A4\8C\04\FA\BB\D0F*\DDI\D8\7F\84\B3//\B1\E3[O\0Al=\12c\0A\FCN\13\89\EE\E6\B4\82\14\D1%\9CV\FA\94Q\11+=\CBi5\89Rx\DA\09""S\BCe4$Q\91\C8\E9`2O\95\C1iQR\AA\F6{\BE\87H\10M\878-\10\BD\F9]NS\12\14\96\C0i\05\89\0B\B3pZ\E9SFEta\E9\9CV\93\D0\B0&lt;N\07\91\9E\DE2\1Ab5\FD\8D\D3\C1\A4\7F\D8\13\9C\16\83h\D8\1AhYP\B2w\DBt\8E\B5H\AB\8068\B6 \AD\C6\F4=H\07a\FA[Hk\90&gt;\85t0\0C4J\11\C5i\99\872-\F3P\A6e\1E\CA\B4\D2\A7\8C\CCC\99\96y(\D32\0FeZ\E6\A1L\CB&lt;\94iQ2;.""\1D\E23~-\1B[G%\D2:\9Ft\89\D1\1D\CDH\B3\7FQ\97:F</w:t>
            </w:r>
            <w:r w:rsidRPr="00910B4C">
              <w:lastRenderedPageBreak/>
              <w:t>#m\02\DA\D81\09i\B3O\F90\9C\A3L[|\D2mXW\1EC\04\F6%\B7\E9\F4)\D3\CA\87\8E\C6\F2\05Hw@z\1C\D2\9D\90\AEf\B4\C6g\FC\1A\9F\BEt&gt;\E9:\CF\\~N\\$\09\E4\9F\81\8B\14\92\0AR\06\E1`RC\AA\01\1A\C8tR\8B)\FD!V\074\C3\C5\90^\89%\E2!'\8DT\81w\91\02H\9B\00\F5\1BH=\C6\CA ,\83\D2S\00\97bI\11|6\C4J \B5\8CL\85\94!\D8z5\F4\EB\E9'\17Z\9F\0EmO\86v\\\D0n\0D\B4YI\C6\03=\1E\E8Z\C8\AB\F3\F6\E3\F2\8E&gt;\114\D5Eb\BC\B1n$\0E\C7P\0C-\D4BY\17\F4[\0C\FD\B06\C6\93'y\D9\81\10\AB\80T\96;\19\C6X\EF\9D\13\E3C%\CE\A3\EA\A6\E3)G^\B8H:\C4K \87\A5\16#'\FC\E7(\B7S\C3g\EA\C2^&amp;C\EEx\9C/\8B\95C\DBS\A1n\1D\A6L\86R\A5\C89\17\A4{\D6#\07\C6\C4\B8S\89\F5\AA\91\B7=\B1~\19\96(#\93\A0O\C6\E9R\C4.&gt;""OY\17\A6\D7C\0A\E3_</w:t>
            </w:r>
          </w:p>
        </w:tc>
      </w:tr>
      <w:tr w:rsidR="009F1CC8" w14:paraId="60647258" w14:textId="77777777" w:rsidTr="009F1CC8">
        <w:tc>
          <w:tcPr>
            <w:tcW w:w="1418" w:type="dxa"/>
          </w:tcPr>
          <w:p w14:paraId="2D579AB6" w14:textId="70387BA3"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14D70FF0" w14:textId="12DD3063"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198B192C" w14:textId="4A95FA0A"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08515C31" w14:textId="76A634AF"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344A87E9" w14:textId="614022B8"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2A4CD3C2" w14:textId="61BB97D4" w:rsidR="009F1CC8" w:rsidRDefault="009F1CC8" w:rsidP="009F1CC8">
            <w:pPr>
              <w:rPr>
                <w:rFonts w:hint="eastAsia"/>
              </w:rPr>
            </w:pPr>
            <w:r w:rsidRPr="00910B4C">
              <w:t>\A5?\9B\8A\F4\CA\F2\9BY?\E1&amp;\FD\A3\AF$C\BE\DB\C3Z*\DB\9FAqp\FB\8F\FE8\ABZ\CB\A2&lt;\1C\0A\F7\AAM\ED\18K\F1\\\AB\F1h\E9&gt;/x6O\1D\F8\03S\D3-\9B\CB\D4\15E\CD\94\9D\0A\\Fw\C6G\E21\F8\D4\DF\0B|m\1F\C4\0F\04i\BA\B8_.\E9\93\C9\BC\80\FD\E8n\13\E5\91\08\ED\86\07\F0""\BA\CA\F1\9F\10\09&gt;\08\F8\FA\7F\12\C4\87\FE\10\AF\10J\A3WT\19\16\17]\16\E7\03\A27F\F7\E7\D2\94\BD\D7\CCi\87_Z\A2\F0\BFi;\C7\CF\BC~vMy\ABu=\9A\BE\7F\F8\CD\F1J}kP\D0\BC9\A0\AC\92[\DDj\B6\92\CBw\0E\9F\A8\CB:\1Bi\FE\D0\C3dPr\9F\E8\E1N\D97|\FD\00\CBW\BE\C34w\10\A4\B1:\CB\14\8A\19\1D\0EU\81\E4\10{\8A\F3\7F\8C\BE\07\BF\D7\E2\B2\D74}.-oW\D2\E0\9E8t\F9\B5K\AB\010\90\C6\D8\0F\13\85'tI\F2\C8\A46\00\DC\9DJ\A8\9B\8E\86\F9=L=,\\^!z;\A4\94\AD\A3w\D3{n\D2]M\7F\87\BE,\D5\B5\C5k}^\CA\E8\DCl3\0B\CF\ECyt\DBp\B9P""\D94\AF#?$\E7\00\10:)\E0\E3\FCi\D5\B5\8D6\F3\C0\F0\E8\B7z\A5\BC\F7\9A\CC\90\DCG\A3\88\1E\E2X\16\C2\EER\15g\FD\D1\F9\E2\8B\96\E9\DB\923\AB\F0g</w:t>
            </w:r>
            <w:r w:rsidRPr="00910B4C">
              <w:lastRenderedPageBreak/>
              <w:t>\C2\96&gt;\10\F8w\A5Z\D8\DB\DF\DB\9B\857\97?\DA\88c\BA{\89&gt;i\1AT$\EDm\C4\FC\A0\900\00'\19\A8|E\E0\C4\F1\F7\8E\A1\1A\EE\93\05\DF\864\9BGH\ED\EF\A2Ic\BD\BA\9Bn\E6(r\0AG\1A\95\E4r\D2\B7\F7){\CE\09u5\8C\F0\F4\F3\09\CE\CB\D9\C7\9Bt\B5\D1\A5\EE\ED\BBZ/\F3g\9A\FC3\D7\BCE\E2\1F\15x^m_W\F1+:\DE^G47\F7zz\C38X\EE\15CCi\8Cc`o\9C`\B0\C8\E9^\83\F1\BB\C7Z\97\81|+-\ED\8D\AE\A5\12)M\DA\A5\9C\16\B3\C7\0B;\88\D1\1D%\99\1B\E6wO\99U\80\19'\15\CB|?\F0U\CF\84\F5\AF\05\D8'\82\E3\D1\8Cm\7Fwy\7F\A7\C5\08\B7R|\D5X\9D\93\0D\9CH\9Br0W&lt;\82\08\AE\D7\E2\F7\C3\FDK\E2w\85\E6\F0\F5\BE\A7a\A7i\D7[M\D7\DA\EC$\B9v)""H\9Bv\CD\18\03)\F3\03\9C\83\DA\A2*^\CD\AE\A7\A5\8A\AB\84y\A5\19\CDER\EBe\A5\B9\E5}#}m\B2\D7\A5\D5\8F\9E~\0B\F8\EB\C6Rx\DA\1D3M\BA\BF\D4\BE\D8\AF}&amp;\97\AAJ\D6Vix\CAd\BBc \D3\D9\84L\D3#G\1A\9E1\92r\F8\AF\AF\D7;F\E0\03c\90\0EE|\F3\F0\87\E0.\B7\A1\DDI\AC\DC\EBw\1An\A3k\A9_[\DA\86\86f\FF\00D\13\B2\02\A9-\C4\88\16TEl\95,T\A1\C9 5}\0FN\8A\92\8F\BCc\C4\95\F0\95\F1i\E1-d\AC\DAM]\FE_5\AE\F7\E8e\F8\A3\C4V^\11\F0\F6\A1\AC\EA\12yVv0\B4\D27r\00\E8=\C9\C0\1E\E4W\13\F0\1FA\BC\B3\F0\9D\CE\BD\ABFc\D6\BCIt\FA\AD\CA\B7X\D5\FF\00\D5G\FF\00\01@?3X:\D4\C7\E3\AF\8E#\D1-\0F\99\E0m\06\E1e\D4\AE\97\EE_\DD\A1\CA\DB\A9\FE$S\CBv\CF\E1^\CE\AA\15@\03\00p\00\AD\17\BC\EF\D8\F1\EA\AF\AA\E1\FD\8B\F8\E7f\FC\97E\EA\F7\7F!j\BE\A1\A7\DBj\963\D9\DEA\1D\CD\AC\E8c\96\19\17r\BA\91\82\08\AB\14V\87\96\9BN\E8\F1EMw\F6}\95\92\18.\BCG\F0\E8\BE\E0\91\E6K\BD \13\C8\03\AC\91\0F\CC\7F?U\F0\CF\8A\B4\8F\18\E91jZ.\A1\06\A3e \E2X[8&gt;\84u\07\D8\F3Z\A7\9E\0F""\BC\D3\C4\1F\034\DB\8DR]k\C2\FA\85\DF\835\D99{\9D,\81\0C\C7\FE\9A\C2~V\FD+;8\ED\B1\E</w:t>
            </w:r>
            <w:r w:rsidRPr="00910B4C">
              <w:lastRenderedPageBreak/>
              <w:t>A\BA\D4q\9F\EF\0F\96\7F\CC\B6\7F\E2]\FC\D6\FDSz\9E\99Ey2\EB_\16\BC'\FB\BB\FD\07I\F1\AD\AA\F4\BA\D3.&gt;\C7pG\A9\8D\F2\A4\FD\08\ABP\FCl\BA\8D\8A\EA\1F\0F|cf}a\D3~\D2?8\C9\A7\CE\BA\99\BC\BE\B3\D6\9BR^R_\95\EF\F7\A3\D3\E8\AF2\B8\F8\DD#|\B6&gt;\01\F1\9D\E3\FA&gt;\90\D0\0F\CEB*\A4\9E,\F8\A5\E2rc\D1\FC\1Fc\E1\88\18\E3\ED\BA\F5\E0\95\C0\F5\10\C5\DF\EAh\E7]\01e\F5\B7\9D\A2\BC\E4\97\E1{\FD\C8\F4\DDWV\B2\D0\F4\F9\AF\B5\1B\B8l\AC\E1]\D2Op\E1\11G\B95\E47\9E&amp;\D7&gt;;I&amp;\97\E1cq\A1\F8,\9D\97\9E""u1\CDx\BF\C5\1D\B2\9E@=\0B\9F\C3\DFSO\F8\16\9A\C5\F4:\9F\8F5\BB\AF\19\DFF\DB\E3\B5\98yV0\B7\FB0/\07\EA\D9\AFR\86\18\ED\E2H\A2E\8E4\1BU\10`(\1D\80\A5\EFK}\11\A2\A9\87\C1\EBI\F3\CF\BD\BD\D5\E8\9E\AD\F9\BB/&amp;gxg\C3:o\83\F4;M#I\B5KK\1Bd\D9\1Ck\FA\92{\93\D4\9E\F5\A9E\15\A1\E5\CAR\9C\9C\A4\EE\D9\FF\D9\0Aendstream\0Aendobj\0A21 0 obj\0A&lt;&lt;\0A/</w:t>
            </w:r>
            <w:proofErr w:type="spellStart"/>
            <w:r w:rsidRPr="00910B4C">
              <w:t>BitsPerComponent</w:t>
            </w:r>
            <w:proofErr w:type="spellEnd"/>
            <w:r w:rsidRPr="00910B4C">
              <w:t xml:space="preserve"> 8\0A/Colo</w:t>
            </w:r>
          </w:p>
        </w:tc>
      </w:tr>
      <w:tr w:rsidR="009F1CC8" w14:paraId="6A350BE2" w14:textId="77777777" w:rsidTr="009F1CC8">
        <w:tc>
          <w:tcPr>
            <w:tcW w:w="1418" w:type="dxa"/>
          </w:tcPr>
          <w:p w14:paraId="08839501" w14:textId="176784F0"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3AF80495" w14:textId="7480E480"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57D48AF7" w14:textId="0FCB05C7"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0FE40079" w14:textId="7AA95FC2"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38F2D429" w14:textId="4ECB85B8"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56C1F732" w14:textId="74BC84A4" w:rsidR="009F1CC8" w:rsidRDefault="009F1CC8" w:rsidP="009F1CC8">
            <w:pPr>
              <w:rPr>
                <w:rFonts w:hint="eastAsia"/>
              </w:rPr>
            </w:pPr>
            <w:r w:rsidRPr="00910B4C">
              <w:t>\A5\C9\ED\A3\9C6\EA\C8\A9\AB\C7\A3\F4P\B0*G|#k7\7F\A2#\E6\AD\0F\C8\E1\B1\02\81L\FCb\7F\A8=\95\C9\C9\AA\D9|\AF\F0\9A\BC0\ABn\1DK\B4\FFT^\B6t}\9E\EE\F3\E4D&gt;\D1\05\07X\B2\A7\8D\8EOZ 4rV\D1\DEz\B4i\C7`\F7\96\FE\EE\D0\CA\D5\B4#\C0/F\E5\F8\E1\8E\F4n\9B&amp;oR\96\DE6J\8E\D4\9EP\A0@\85\B5\A7u\83\90X\0F\AC\8AzD\EE\D5F\02\C2{\C0\F0\C7\D6+\D6\82a\99\D3\9E\E6\94E#\BD]\AB\C6h\83\E4@\1F\18\8A\0Awi\02\D7\F6t\8FE\08r\EA\D6\DD\E2\8E\BA\BB\B6\EA\12D\AF\1B\A8\8E\FD\F5c\1B\E5\C1\81\CD\81N)\10\1D\A5\0A\EB\0B\FD\17E\E4\CB\B6\BE\C5\EF\8C\C6,\AA\DDh\10&gt;\16\EB\F7\05RJB\86\06\8D\A8\99h|\D4st\FE\95\DE\C1_\F6\B4\99*@\09E\D3\BA\B0B\C5\1A\0C\AD\14\87\E5\BC\F6C\B6O\1F5f\FB\D5i\F0{[\16\EF\D4\C8\E75G\12\A8ZQ\81\AEL\B6\8BJ\1C\AAi\DDvR%\A0$\15\D0\BE_\0E\0A\AB4/\14Nj#x\CFQ\B0\E4\A0\F8\90|\A7\16i\ED\10WX,]X\1B\12\D4\D4\E0@7\AC\B0\B0n\CCZ\B0#\94\FA\E1\FF\F5uwtX</w:t>
            </w:r>
            <w:r w:rsidRPr="00910B4C">
              <w:lastRenderedPageBreak/>
              <w:t>\DB\89\7F\C7x\DF\92\F1\96?\A4{7\ECp\1CM\AF6\CDx|74\D7\BD^mDW\EC\D0\92\93\1D\E2{\FA\BC\ED\07\A3\BA.\EB\EE\BC4r\97\A9wE\CF\04\D7~P\D02\8D9\C1\DE\11yn\AF\D5\0C\FD\E0!\B9ssG\B3\D0\B92\F2\9C\B9\07\9F\E8\D0\B6CQ\1F\18X\DBq\CEU\DE\11\B3\BB\FF\DF}W=t\D5\ADW\1F\ED&gt;\E7\8D\D8/\FE\A3e\17\95\03\D8~\19\1F\AF\AE\9E\E0\94&lt;\13_\F7\0B\A3\D5E\CE\A6\E9\1D\EC\B64n6yGD\0C\BB\17\E9v&lt;y\01\B5\9A#\A3\A9\DB\A0\CA\F9\F7\E7\A0\9D\0D\A5\FEa\BDe\F0\ED\1AO\CA\EB\EE&gt;-\18L)\9B\DFMEA\18\D7\F7X\F7\B3o5\05a\0B\FF\C0R\90\CDL\FA.\8B\B9\B4\C5-\D1\CC}\EF2\AB\BBd$\BD\F9\B6d\EB5?[\B5&lt;P\9FM\B5\99\1D\18\0A=\F0\F0\17|\CBU\97\16Xt0\B5\ED\FB\E6\1E\EA\E2\9F\9C\FD\D7\B5\AF\F6]}\FE_;\1F[\19\FBK\DE9\DE:\1C[\FD\EF\8B\DA\CFj\89&gt;\F1/t\8F\9B\0F\B5\1E\FEfn\E8CoD\A2\E9\EB|\9Fl\A3#@\D95\19l]\F7\B3U\F1`t\CF\A6\8B\CD\82E#\E9m\1B\82w\C0\93\8B-#C\83\17Q\B5S\9F\ED\BF=\92\EB\BE\E2\F5\8Es\BE\B9\F6\BB\F4\02\05,\BAi9%\E9#\D9,\F0\F9""\B1\8E\89\95\17\EE\BCo\F0\97\BE\AE5N\B3V^\FF\8F\AF^\FE\8D\F4\E3;\B7j\820\9E\A1\AAM\1F\05\99\88\08\DD\82""\EF\EDN\A8\89\81n\07\94\A8\C4\85\87\1D\16\C3\E6\CFB\C3\96\D0FM\15\02&gt;b\0F\BF\7F\A2~t\E7\E0\E6~\F8\11\8CR\F1\84\F6lQV\F5Lv\F4\05\A3\99\9D\A3V\CB\A3\1B\98\F6\F1\02\A5#o\CD\86\9A\B6?\A8\0Ds9e\D5x\AF?\7F\8F\D5\B9\CC\99\87;o\EF\B8\F7\BF\EBeb\F3\DA\F7\F8\04M\895f{\D5\AE\E6\05y\A6\A4.;\FC\C4!\BE}\04:\93=\A6)\91\DA\8F\EC\FC\CA\D7\07&gt;\D2\B9\FA\A8\D2\12z\A6\A0YG\CF\AE\0F\87\A2\1F8bq\0B\84D\1A\1A\16T\D0\95\B2\14(\F5\E3\FD_\80\BD\F9\F07\B1;i\8E\D6=}\BA\87!\B6\8F?\1Az`\8Bl\15\FF\CC\06~\C3\9Ek]\D7-:\98\C84R\85 \F7\FAS\F2\CE\10\E8m]\E9\95\C3\B2\A5\E7FW=\95\09\8D\83EG\E4\CD\8F_~\BAl\F5\CF\1E\BD\AF\E9_\9B""\E95\F6\96[\C7\D6\13\D7W\1Bju\E4R\01ONN\B6~\D8\CDY\15\ED</w:t>
            </w:r>
            <w:r w:rsidRPr="00910B4C">
              <w:lastRenderedPageBreak/>
              <w:t>\BF\06n\D4/""\94\DE,\DFc\D6)\E1\C8\AA\A2\04\86\E0\06mv^\F5\98*g\DB\1E\A8\FDD%\05z\E5\88\ACR\95*\C8a\E0\19\0D\08r""\C7\8B\11\D1o^\04/\07\E2I\B0\B1}\AF\B8\D6\DE\F7\B7\9D\FDmy\05\EA\05\D2\FC\E6\90\90\1E\08\8A\A6G\B4\EB\B5\9DA\A9U\D95\9CX\DAy\FFe\A2Y\A7\D5\FF\CDC\A76\DB\D58\AEh\07\86\06\AE\B7\F4QVW,\09\A8u\E2\C3\\G4c\9E\E2Lu\AB/\B8\F2\90\18\10\03\0DWz\05\B3\9D\DE:\E8}N^\FD\94\C8\F7~g\F7\C7\C7\04\AA\CE\05!\91\F1\1F\0C\8B\1C\97\D5\DB\06\CE\98\88\0F\F5\CB\A6\95Zt\CDiG\BD\D15y\F2\94\83\86B\0B\86\A2Z\BF\A0\DCI\87\A9\B8\F0\8F?i~\C6\B7\E1\DC\95\E9\0Bl\A3#=\B4\87\02o\88\DB\7F}\00\D4\E5:;:\16\D3A\C7\9D\19\\\17\DB\AA\B5\B4\9C\F6\FCW~\B5pd5\F5Y\C4\A3{\BB\F9\0D\B1\B8\14X\F4jo\D7\0A\B3\C0\F3\A2\D8\EF\0BE_?b\EF]\F7\DDz5\D1C\8D=\00\F11\D8\7F\81`\B4-\D5Fgw\0B\A0\F7\A4\0Dt\7F\E4\FD\F1\C7B\D6\19\93\FCpf\B3\BCz\CF\CA\05\0BW}K\F7\F1L\D3\ED[\A0n\1D\F0\0FF\DEq\E5M\DFl\09\A5\BC\E6\1EaA\11\EE\18\F3\06\E7Mn\0F\9Du\97?I</w:t>
            </w:r>
          </w:p>
        </w:tc>
      </w:tr>
      <w:tr w:rsidR="009F1CC8" w14:paraId="3FD6DFF1" w14:textId="77777777" w:rsidTr="009F1CC8">
        <w:tc>
          <w:tcPr>
            <w:tcW w:w="1418" w:type="dxa"/>
          </w:tcPr>
          <w:p w14:paraId="1015CB53" w14:textId="7F20C209"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2F25EA0C" w14:textId="70D5C194"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5C909F5B" w14:textId="53702D85"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333E4D76" w14:textId="118F30BE"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782E74D1" w14:textId="3D4DB24E"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294464AC" w14:textId="7F39859B" w:rsidR="009F1CC8" w:rsidRDefault="009F1CC8" w:rsidP="009F1CC8">
            <w:pPr>
              <w:rPr>
                <w:rFonts w:hint="eastAsia"/>
              </w:rPr>
            </w:pPr>
            <w:r w:rsidRPr="00910B4C">
              <w:t>\AE\D6s\85\18\AF?\F8Oe\E0\8F\16xW\C1\BE\14\F0\C7\85&lt;a\A3\7Fi^\D9\C5\A5\FCL\F8\FB\A7A\05\E5\AE\95$i\146^\18\D4\E3\CE\CB\E5\DC\B7\16Q((\18O \E9\8A\EA\B5\AF\89\9F\F0\89\F8W\E2\AF\C0}&gt;\7F\8A\1A\CF\F6m\96\AB\AFx\BF\\\F8\BC\FE}\E5\D7\85c\8C\D9\DF6\85:\B0\DF+m\0Fjf\8C@X\CA\\\F3\8A\00\D6\F8\D5\FF\00\09\C7\C5o\D9f\D7\C1&gt;\18\FF\00\85\7F\F1\DB\ED\FE3O\06\E9~#\B6\F3\FCE\FD\95\A5=\8C\90\C3\AA\EA\17\11\EE\F2u(\B7\AC\92\DC\AA\94O;p_\9F\15\C5|\1D\F8{\E2\AF\D8\87\C0:_\88\FC\03\E1\AF\8B\1E*\D4\A1\F1l^\16\F1\9F\84/\AC%\BC\D3nb\11$\9A\86\B3\A3ZB\B1\17Vkt\8A\DE\EAc\82\ACU\D7\91\8F?\FD\94\BC/\E1_\03\FCh\D15=3\C6\1F\1A&gt;\0D|\00]2\0F\11Z\DE|@\D4\E2\D0\B4\DDsZ\170\B2@]@\B5\B9\82{E\07`&gt;d\8B\13\90\DB\16\BD\ABV\F1\ED\F7\8C?i+\CF\1Fx\8F</w:t>
            </w:r>
            <w:r w:rsidRPr="00910B4C">
              <w:lastRenderedPageBreak/>
              <w:t>\F6\8C\F0\BC\FE\09\F0\FC/'\86\BE\1F\FC\1F\F1\C36\A5\E2\09`\BC3\DA[\\\E9\EE\C6;\A9\EE""f\81\E3\89\81\91\BC\A4\\\0Eh\03\CF\ED\BC9c\F1\DBJ\D7\AE&lt;}\E0\8F\14j?\16\EF~)\DCj\BE\0C\D0|Q\A4\AC\BA\95\96\8A\EB\9D=uh&amp;\0F&lt;~\1DK\89\1D'\10\FE\EDX\B0C\BB5\AD\F0\DF\E1\EF\C3\AF\82&gt;\01\F8\83\A6x\BB\C3&gt;\17\F8\99\F1oT\F1n\A1s\1D\9F\C0;\0Bm[^\F0\84R\C4\AA$\B6I\15g\B0[K\88\DC#`\88d\92\01\CB1\AD_\02\FCT\BE\8B\C0?\1B5?\11\E9\1E(\F0\FF\00\C5\BF\19x\83[\D3\FC5y\E2\1Bf\B6\D7\BC)\E1\BB\B8\95\AD/\AE\9D\DB\CF\B2\D1\ADn7\17\9A""\D0\C5""\B1PXW\15\E1\FF\00\8F\1A\1F\C2\9F\0A\EA^\14\BB\F1\07\C1\FF\00\F8Y?\D8\D2^x\87\E2g\80\EFS\ED\9A\AE\81\E5\88\AE\A2\B6\D4\CB\AC\D3x\92Y\90\DC""\C8&lt;\A7m\921\DD\C5\00d\D9~\CD\1A\1F\C2\FF\00\8A\9E\14\F8\BB\E1K\0D?\E2\F7\C3o\11^\DAh\DE=\B5\F8\A5\0Akz\C7\85\EE\AE'\FBV\A7w\A8,q\AC6r\DBB\8A%\92w-\13\CB'\98\0A\B05\CA\C3\F1G\F6\8B\F8/\FF\00\0B\9F\C1?\05\FE\0F\EA\17_\0D\BCY\E2mkR\D1\BCE\A1\F8gQ\7F.\D6\EB\F76\F7\1Am\C5\AB,""!\0Cp\C9\0B\A2\B2\8C\AB\02W\02\BD\83I\F8o\E1_\07\FC\17\B3\F1w\C2_\88&gt;8\F1\F7\82~)\EAi\A1|A\8B\C4:\D4Z\94&gt;\1F\D3\F5;a.\A9\AA]\0Be\11\DA\EA\16\F1,[\EE.\0B\ACa\DB\CC\0C\085\EA\BF\0F\7Fk+\EF\86\BE&gt;\F0\D7\80t\CF\86~8\9F\E0\07\87\FC?m\A1Z\FC@\BB\D0Y\A1y`\95`MQ\F5\05\95mN\94m\10Nn\02\83\8C\B8\018\A0\0E'\F6&lt;\F1\F7\C2\CF\8F^*\F0\BF\82t\FF\00\0Ex\C3\E1\D7\C6\DF\05\D9Z\EB&gt;/\F1\15\B5\8D\AE\97y\AE\DDY\C9\047\D6\9A\85\C2\B3\DC\\\C5=\D4\82Ic\99U\A4d\DC\E42\E2\BFEk\F2\D7\E2D\9E\15\F8k\FBI|&gt;\D4\FE\0D|I\F0&gt;\B7\A6\F8\EB\E2\9E\9F\A8x\82\F3D\D7b\B8\F1S\CB{x\CDub^\D7h:1T\88\F92\16&gt;q\05\89\C8\AF\D4\AA\00(\A2\8A\00+\E5\FF\00\DB\C7\E1\ED\F7\C4\AD+\E0\86\99o\E1\9B\8F\15i\B0\FCS\D0\EEu\8B8\EC\1A\F2\14\D3\C2\DC,\F2\\ V\02\00\AF\87g\1Bp\D8=k\EA\0A\F9W\FE\</w:t>
            </w:r>
            <w:r w:rsidRPr="00910B4C">
              <w:lastRenderedPageBreak/>
              <w:t>0A\0F{\AE\7F\C2+\F0sD\D1&lt;W\E2\0F\07\7F\C2K\F17F\D0o\B5\1F\0C\EA2X\DE}\96\E2;\94\91VD\FC\18\06\05w*\92\0E(\03\9F\F8\91\E3\BF\0A\FCJ\F1\F7\C3\EF\86\B7\1F\04\FE4h\9Ao\81\BCs\A7\DC\E8\FA\B6\89\E1H\AD\F4\14\96\CAV\B7\82C)f\03O\0A\FB\B7""\A9\F2\C0#\18\C5|\AB\F1\8B\E2G\8A\BE\04\FE\DC\BA\A7\8B\AD\FE\1E\FCH\F1\A7\82|O4\BE\06\D6""\F8\87\A2\CB\7F\0D\ECW:\9B\CB=\96\86\03$r@\F1G\FE\8D\0B\96\0C\1EL\A1\075k\FE\167\C2\CF\F8_\BF\F0\A8\BF\E1w~\D5\FF\00\F0\92\7F\C2M\FF\00\08\A7\DA\BF\E1,\B5\FB\1F\DA\BE\D5\F6]\FB\B7o\F2\B7\F3\9D\9B\B6\FF\00\0Ex\AE\AF\C3\FE,\D0\FC'\F0\AFR\FF\00\85\A5\AC\FCP\F8\95\FF\00\08G\ED\19&amp;\9B\E1_\EC\FB\A4\D5u\8B\AB\AB8\07\D8\AD\E5\FBA\1B\E2m\B2nH\B6\B1y\06\D07\1A\00\D5\F1f\A5\FF\00\0B\C3\F6Y\D6|1\F0\8B\C0~ \F1\1F\F6\D7\C4\D9\BC)q\A3\FCU\D1\FE\D5\FF\00\08?\9Db\D1\B3\D9\C3l[\FB:\DA\CB\CC\89#$\1F#t\83i\C8\AF5\D2\7F\E0\99\166~\01\B3\F1w\87\0F\C4\8D\13\C6\DE\05\F1\02G\E2X\A7\DBo6\A5\15\94B[\BB\9F\0D\84\B6\F3%i%\DB\F69%*\18\8F\9Bi\19\AFU\D2m\BCUg\FB^Y\F8\BB\E2V\BDq\F0\07\E1&amp;\A1\A6'\8B\B4\D8\B4+\C9|7\A6\EAZ\84\9A\80\96+=tO\FB\89uY-\FC\CF</w:t>
            </w:r>
          </w:p>
        </w:tc>
      </w:tr>
      <w:tr w:rsidR="009F1CC8" w14:paraId="1FD01A22" w14:textId="77777777" w:rsidTr="009F1CC8">
        <w:tc>
          <w:tcPr>
            <w:tcW w:w="1418" w:type="dxa"/>
          </w:tcPr>
          <w:p w14:paraId="315A0901" w14:textId="4FAE4CFF"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661826C8" w14:textId="68BE2689"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4794A212" w14:textId="61D94B8E"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2C1A5718" w14:textId="6834751A"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098C034C" w14:textId="3F7D6393"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5B672A56" w14:textId="5CC7793A" w:rsidR="009F1CC8" w:rsidRDefault="009F1CC8" w:rsidP="009F1CC8">
            <w:pPr>
              <w:rPr>
                <w:rFonts w:hint="eastAsia"/>
              </w:rPr>
            </w:pPr>
            <w:r w:rsidRPr="00910B4C">
              <w:t>\B64\0A\EF`/?Q9#eK\DF\C8\1F\E5\81(\CF\F7h\18e5\FF\B5|\E0\FE\D5\DFR0\F2\B3\B0V\F6""k\81\05]\AC\85{L&amp;\03\A7\8C\0C\96\E1\E2@\17\B9\16\A0^d-\99\CDH\C1H\BA4\0A\EF`/?Q9c'\D2\CEH\AE\92\B5\D0\D66\17\BB\F5!tL\F0\8B\D2\DE\00\AEx\F7\BAn\CEWu\F8\E2{jO\84m\CE\9F]\C7\0C\86(\06\94\AD\B3\E4""\B83\B7\C8$\A8\CC\C8\C6\FB\B2\12P""\D7\02\94\E9~d\EA%\16'lM\97F\E1\1D\EC\E5'*\E7\AC\9C\C3\9A\\'[\D7\F1\899by\DFu\1D\F3C\F7\C2\C2S\C7\BC\FC\F0\81b\1F\94\B5\82q\BAX\0B\F7\98L\06\CA\0CNZ\CF\85\01M\EA\80\CA\96\B1\CCf\E4\82\17]\1A\85w\B0\97\B3:/\8C\9DH;#\B9J\D6\0A\CEl\1CD\E3\E0At\CC\00\B1\02\B6\92\1FS|\15\F3\D3_\09cD\98\94\19</w:t>
            </w:r>
            <w:r w:rsidRPr="00910B4C">
              <w:lastRenderedPageBreak/>
              <w:t xml:space="preserve">\DB\B8me~Qfl\C7A0'j\0B\E6\C4A0G&amp;Hz\D3U6\B6\E3 \9C\13\07\E1\1C\D2\CEH\AE\93\08\EB\F8\14\9B\0D\88.\C2_\A14y\CE\9B\E2*\D3\0B\C4\E9\B7\AA^Y\AB#W\A1\FA)\EDrU\95\D6\F9\FEk4\BEv!au\EFn\B4\0F\A0\EA\1D\94h\DDha\98\07)D\1E\AB\16S\\\C1\AAU\A2R\C0\D5\81D\CE\F1\BC0]\B2A\90\9F\98\DC\12\E6""\CD\0C\C4\B4\15-&lt;\17\DD\9C\F8\8B\EF\FC_T\A9\CB3\F4\19^_L\D9\1A\F6\C2\B8\BA\FAy1\E2\BD\060\CEu]\F85\A8:&amp;\BC\92\82\DF\F7s\A4\8C\AAc\8E\D7\DC\7Fa.\B6:\87\B7\98\E1\F0j\E3\E6\92o\0C\AF\1F\BE\10\A4\A8\0B\C9\C4!\E1L$cn&lt;\FDC\C8\D4Y\99\AA\179\A7j\00\91\93\07b\DA\8A\16\AAF\16\A8G\99\81\0A\AFl\C0G\BC\A3v6\CD\D3\F1\F0\FA\02\C7\9D}\BD&lt;l\E9\8Eq\DB1u3\82\10\E4\11\84 \8F\A0\8F\E2P\0D\C4\10T\8F\A0\9F\AB\82\0Cv\8F\CE\BC\F6\89^]2\AE\EF\C1q\E7\F0\84\DE\AB\8A\ABY\83\B7\96\8B\11\00\DBxP\C5\AD\D6\9E/\EB\0A\AB\C3\EE\B1~\A0\DD\C5\F8z)0hw,\F1LA\8E\9C\BBf\B4\F4K\DB\1CU\AEe\EB\E3\F5\AE~\8B\D9;]/R\DB\E0\87\C3\9B#\EA\C7\1E\8F.xK\BAv\1F\12\DE\F9\D5\91\16\B6\BA$Od\B6\F3\D3/\1DTkt\ED\B5R\17\83/\18\D9\EB\F7Z\F3&lt;\E4\ED\8F\EDc\8A\FB[o+\FA\F0\81\97\17\9Bo\E9;,\CD5\A1\F5\DF\D5y\12\BA0\DF2ng\C1\EDb\D0UY\D7]\AFzw'\8B\CD\F8\0C\F9\C1\BC\E9\AA\AF\9B\AF/\05t+\BC\E4Jt\F4U,s\04\AC\B3\1D\8D\AE\F2#6_k\BDv|\82,\ADn\CC\01\FC\15\E5\EA\98\ABJ\9C\1A\1E1\C6\EE\FD\D8\FA\F0\03W\9B\1F\B8\DA\82\ECS\1B\88\BDBW\1B\B1&gt;B\D8\84T\0D_;rS\A9\B7&gt;\9A\1E\D8CP\B8\A7\A8\F5\D1\0E9\EE)\A5\D6G\0B\D5\C3\01K\DFd]\BA\A5\8B\D7\F7\A8z\C0q\AB\EB\AE\93\9F\0D\8Dv\DDj\B6\E9&amp;j\0D\E2\EA\C5\DA\B0\98\8B\A1\CBJJ~\D6\E1[\C0a_\D7p\FD\AC\8B\1F\D0\F3\EB\13\BE\1B\D4S\B2V\AB\99X\1F\EDb\F6[U\81\19\87\F4+\0F\AF6\03\DF!\FD\FA\80/\8E\F4'\85;\BE\9E]\AC\AA\DE~\AD\F4\EB\0D&gt;\C0\D6\01&gt;\82.\A8H\BF0\85`\BBe\A02\A7\CC\85\BA\18 </w:t>
            </w:r>
            <w:r w:rsidRPr="00910B4C">
              <w:lastRenderedPageBreak/>
              <w:t>J[\EC\B6N\1B\071\898\88I$\92\10C\9A\19\88\A3\EE\98D\CC\D7|\E7\ABN\1B\1FL\A7mz\A0\CDA\8D\C4\9FL\92\C6zk\8FSqD\B5*m\03\B8Z\E6\05\D5\01[\F4\D5\B9\A7\DAb\0F\DBj\F5\FAwP\0F\BAT\AD0?\A6\DC\AD\DE\E0\A2V\BD\BB#5\ADZ!\BA\18\E5\E1\B5\0Et\0Do2\A3\E1uU\B9\D5\1A?i\A1*\F31\D3\F8I\BB\00t\FA\98\89q\D0\EE\B2\C9\DF\A9\ED\\p\E8Q\F6\0E\93\0A\B5\9F\0B\D48h\A0B\D0\15L\A3\C6A\BBn\A7\92\CF\D6\EE\B7\AF/n\BF\F3\A80\1C\C25\0E?\15\BA[\D1\C7\0B\B9\DDA\F5\EEB\EEe\10ypT\9EV\C4\AC\95\9F\A7\8F\E3\1B\F7\D7/\C4'j\E35\D6T\D5\C1M*\BEd\98\DDr?\B9\8A\E1\0AV\B0f\88\F5\00\CA\B0\E2:\95\B1Zowu%\EE~v\EC\7F\0Dqv#\C4~\E7ta\F5f\B8j\E1-;U\C5\99\FD\9C0\DDAU\96S\E1Q\E7&gt;?W\DDs\01\E8*y\1D\E6\C4Va\B1\AA\D2_}\BC\B1Vu\E5\FFxt\C8\9F\DF\C5o\A1j\D3_}\9E\8B\13t\FC\AAR\7F\F5%_+`t\9B\8B\C7\16\B9RR\8D\DD\EB\8F\DF\B8\F2A\F3h\89\1C\0C\91\A751m\E5\EF\AD\94L\09|\09\D0i\8E\7F7\80/\09\F0\8E\E0$\9FJh\10\F9\89\CBs\95\83q\D3sa\B4\1D""\FF\EB\97?\FF\A1\1F?p\F2\F8\81\93\C7\CF\8B\19\DE#1mE\9F\935@\D9@\09si}m\BB\18\95\CF\18SI\1DR\9D\9B\F8\9C 0\05\B1[\C0:\13\04&amp;\B7d\07u\AB,[\16-\E5\B3[\B2[\B0\CAJ(NY\0Cg\BFY7\AA\CA\AE\B9M~\E9\B3\DF\AC\83\BA\F6</w:t>
            </w:r>
          </w:p>
        </w:tc>
      </w:tr>
      <w:tr w:rsidR="009F1CC8" w14:paraId="66526E5E" w14:textId="77777777" w:rsidTr="009F1CC8">
        <w:tc>
          <w:tcPr>
            <w:tcW w:w="1418" w:type="dxa"/>
          </w:tcPr>
          <w:p w14:paraId="0D874B9E" w14:textId="01C2845A"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1A6CA7E5" w14:textId="4861E547"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5571B835" w14:textId="6EA5BDB1"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06B4B60E" w14:textId="676B1487"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5DB8E0AB" w14:textId="11FF682C"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188FF90F" w14:textId="6B8291E4" w:rsidR="009F1CC8" w:rsidRDefault="009F1CC8" w:rsidP="009F1CC8">
            <w:pPr>
              <w:rPr>
                <w:rFonts w:hint="eastAsia"/>
              </w:rPr>
            </w:pPr>
            <w:r w:rsidRPr="00910B4C">
              <w:t>\C1`T\C0\13\06?9!^\9C\16\DE,E\BD&lt;\CBX\\\13D\183\C4\87N!n-\C9\DD\06\8FX\D8U\05\BF\83\8C\CD6\1A\A4Y@\90\C18\05y\EF\8Cs\E51\F9$f#\E6\EB\B3\8A\1F\96eo\11\7Fb\E4\A11\18\B5\81\AD\B9\80\B6*\E9\B0]\7F\0A\F0E\C8\E0q\F3\F7&amp;\CF\16\F0\87Y\CC8E\94\19\8C\AAX&lt;\0B\88\CC8\1Fb0\E6\10\B7N\09wc\1E\A9\90]\05\FC\CE\E4\D0\D4""\D9\AB`aI\96\D5\08W\9D\00\9F\AA\19\EE\9A\02\86\AA\E0_\AA\E6W\D3\C2\FF0\AC\D8\05\C6,\E2\1Dy\BC\FB$\B2\BA""n\9C\01z\A7\89\FB\8F\C9\13U\B3\A7J\F6\9FT&amp;\19\C7\C2\D1X\C0bG\E48\F8PYn5\B8\BBB\1E\99u&lt;u\92\F9-\83\C1`0\18'\95\B1jqJSH\901M\BCgJ\E8\AE\</w:t>
            </w:r>
            <w:r w:rsidRPr="00910B4C">
              <w:lastRenderedPageBreak/>
              <w:t>88\9B\8F\93;\19\05&lt;&lt;\EB\F8\A7\B2\FC\9C1\05\BC&lt;\ADh\0C\06\83\C1\A8\0CW3\83\C1`0f\19\170\AA\A6\931\07\F9h\11\B7\97e\80\C1\A8Y\BE]\A3\8C0*\E6\BF\18\907\8E\0F\B7\87\C1\98Q\161*@\C5\\}B|\861\C7\F8\F2\AC`'\83Q\B3\FC\98\C1`0j\8E\DF\E4\F1z1\1E\B1B\02S\CE{O\0AW2\183\C2'\AB""\C5`0\18\0C\06\83\C1`0\18\0C\06\A3J\BEv\DC\FC3\83q\9C\FC\02\F2\C7S\19\190\18\8Ci\E3\F4\B7\E1\9D\06\EF\9FAn`0\A6\81/\19\DC/?aaO\09\F6C&amp;O\1Coc\95\9C[\11+g1\1F\C9\E3\F3\0C\06c\CE\91\99B\1E+`wI\FE\D3\C2\91\99\C6\E7\9A\95\9CU\D3\B43j\8E\0FZ\B8\05\B3\99\C1`0\18\8C\13\E2\1B\D3\CC\93\8C\9A\E5\D7'\9D\D7\DE\8E\C6z\C8\99%\B8\98\C1`0j\8E.\06\831G\B9\89\C1`0\18\0C\06\83\C10H\82:\08\00\0A7\C2\8D\C0\DF\E7\F2#u\FB\E0\EF\A5\C2\C5W=\0F\00\7F\03,\B5\01\B0h'\FCN\C4\9F\BF\03?\DB\F1\E7\7F\86\9F\DD`\C119\AB\C6X\C6\981\A2XV&amp;\A1\AC\F8\0D\96\1B|\B8,_\AC\88\AF\94\E5\07s\90_\1B\1C\AE\04\CE{\02\B4\E5\B1\DA\E4S\DC\DD&amp;\DF)\C3\BF\99\BC\CA\BD\CAK\C7\A0\B5\A6YU!\1F\9B66\D6\08;\19\8CY\CC3\90\FD\E5\A9\03U\E1?n\96U\C85\06\B7\9F\D2\DC_1\FF8\E7\F9\D5,\E6\F5\93\81\E0\AC\8As\AA""V\F3|\FC\18l\AA\80\AF\97\E1I\E1\F7\06\E3\88\FA\D3\EA/\AC\9855\C9\A7\E6\1C[\18\98o3\18\8C\0Ax\CE\E0\A5\13\A1\01L\0B\FE\92,\9Fe\\[\13\DC\C1\98!\BEz\0A\F1\A3\92\FC\DE`\9Cb;\AD\0A\DE\0DY;\EB\F8\EC,`\80\C18\05\F9\DE\8C\B3\F7\98\BC\8E\10\DD\98\F3f\15\97\95\E5\E6""63\F2x\84\C1\A8\11~R\C0\FE\EA\90\80\E4?\05X\0E\B9\F6\B8\B9\C3\E4\AB\05\FCh\16\F3{\0B\E3\0CF5\D8\E7\CF\02.\9Aq\D62\18s\88\CFN\09\03\98\EFU\C8\DE\02^'8\DCS\CCyUpYIn\AE\116\9F\00\8F\D5\0C{\A6\80?\1E?\CE\86\AAi\99\16\A2\8C&lt;\AEc\CC""\12y|\ED$\F2dE\FC\E7\0C09=\B8\E6\1F\93\8B\AA\A6\BBJn9\A9d\18\C7\E4\89\02\FE\CD\F5j\E5\B8\A5\B2\B4\1A\AC\AA\90\8F\CD:6\9Edv2\18\0C\06\83qRy\A6j\0EL\1D\1E\8E1M\9C9%\\R\11\1F:Nng\14\F0\C0\AC\E3\87e\F9\0Dc\0A82\9D\C8\8</w:t>
            </w:r>
            <w:r w:rsidRPr="00910B4C">
              <w:lastRenderedPageBreak/>
              <w:t>D\0C\06\83\C1\A8\90w2\18\0C\06c\96\B1\86Q5\9Ff\CCA\EE)\E2;ey\9E\C1\A8Y^\AEM\BC\F5\8C\8A\091 +\8E\93\EB\18\8C\19%\CE\A8\80\AFc~|B\BC\C0\98c\BC5\1B\F0\9D\C1`\D4,\EFa0\18\8C\9A\E3\83y|\BE\04\F7W\C8?M9\FBN\0Ac\0C\C6L\D0\E8\A9\8A\F3\18\0C\06\83\C1`0\18\0C\06\83\C1`T\C9e\C7\CD\CD\0C\C6q\D2\07y\F4\94\E69\06\831m\BC\\\9E\A6z\83\D0\0C\B2\82\C1\98\06\AE7\E8m\1A\B2\B0\AB\04/B\8E\9E8\F3\16T\C9\FB*\E2\9AY\CC\EDy&lt;\C0`0\E6\1C?\9CB~S\C0_K1\BF\C9\C2\BBf\9C\EEY\C9-5M\86Qs&lt;a\E1\E7\98?3\18\0C\06\83q""\9C\E6\9Cf\CEa\D4,\B1\93\CE\C7\DF\96\14\E4\1B%\D8\C5`0\185\C7\8B\0C\06c\8Er\94\C1`0\18\0C\06\83\C1\D0i^\00\EA \00(\DC\087\02\7F\9F\CB\8F\D4\ED\83\BF\97\0A\17_\F5&lt;\00\FC\0D\B0\D4\06\80:\1F~'\E2\CFg\C2\CFv\FC\B9\15~v\83\05\C7\E4\AC\1Ac\19c\C6\88bY\F9$\94\15\BF\C1r\83\0F\97\E5\8B\15\F1\95\B2\FC`\0E\F2k\83\C3\95\C0yO\80\B6&lt;V\9B|\8A\BB\DB\E4;e\F87\93W\B9Wy\E9\18\B4\D64\AB*\E4c\D3\C6\C6\1Aa'\831\8By\06\B2\BF&lt;u\A0*\FC\C7\CD\B2\0A\B9\C6\E0\F6S\9A\FB+\E6\1F\E7&lt;\BF\9A\C5\BC~2\10\9CUqNU\C4j\9E\8F\1F\83M\15\F0\F52&lt;)\FC\DE`\1CQ\7FZ\FD\85\15\B3\A6&amp;\F9\D4\9Cc\0B\03\F3m\06\83Q\01\CF\19\BCt""4\80i\C1_\92\E5\B3\8Ckk\82;\18</w:t>
            </w:r>
          </w:p>
        </w:tc>
      </w:tr>
      <w:tr w:rsidR="009F1CC8" w14:paraId="4F88EE3C" w14:textId="77777777" w:rsidTr="009F1CC8">
        <w:tc>
          <w:tcPr>
            <w:tcW w:w="1418" w:type="dxa"/>
          </w:tcPr>
          <w:p w14:paraId="0360F5A7" w14:textId="4F660359"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39BCB18E" w14:textId="0E4C0D65"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16F45CAB" w14:textId="16AA9204"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3793DBEC" w14:textId="28B07161"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3E68B15E" w14:textId="13FA6C7C"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51694BAC" w14:textId="0B23C048" w:rsidR="009F1CC8" w:rsidRDefault="009F1CC8" w:rsidP="009F1CC8">
            <w:pPr>
              <w:rPr>
                <w:rFonts w:hint="eastAsia"/>
              </w:rPr>
            </w:pPr>
            <w:r w:rsidRPr="00910B4C">
              <w:t>\C2\00\BExx\CF\C1/+\FC\CD\00\060\80\01\0C\E0\F5\C1\13\EF\1B\C0\00\060\80\01\BC\CD\E0O\07\F0f\E1\C9\1F\1D\C0;\10\FEv;&lt;u\FE5\E1\97\070\80\B7*&lt;}\F8-\0A\BF2\80\D7\0B\CF|t\00\CF|\F4\D9\F17\08?3\80\01|%\E1\B9\C6\00^\07|\1B\C0\F3\BD/\0A~i\00\EF,x\E1\C6\B7\03\BCX\0E`\00oY\F8\1F\060\80\01\0C\E0\AD\06\EF\BDP\81?\B9\1A^z\F6\F5\C1\FB\CE}\A9\E1e\F1U\81o\1D\C0\00\BE\12\F05O\BD\19\F8\DA\E1\01\0C`\00\03\18\C0\00\060\80\01\0C`\00\03\18\C0\00\06\F0&amp;\E1\C57\0C\FFy\00\03xc\F0\CA\9D\12\FE\F6\EF3|\DD=\03\18\C0\00\BEl\F0\EB\AF\0D_\7F\9F\86\7F\F1\95\83\F7\7F</w:t>
            </w:r>
            <w:r w:rsidRPr="00910B4C">
              <w:lastRenderedPageBreak/>
              <w:t>\ED\00\06\F0\A5\87\0F44|\EB7Lz\F0KW\C3\07/~\F0\E2\87\96\BFx\F8\C6\E4M\C2O\BF\1E\F8\F0\FB\DF\BE\F0M\87+\F0g\03\18\C0\00\DEi\F0\CD\1F\FC\D2\C1G\16\B7\C1\BF\D8\09\BE\E5\9B\1D|\EB\E1\AF8\FC\E5\DB\11\BE\ED\A9\B72|\FB\C4\00\DEr\F0\0F\1D|\C7\86\81\1F\1D\C0\00\060\80\01\0C\E0\8B\81\EF&lt;\F5\E5\85\EF\8A\06\F0\96\85W\BE\DA\F0\D1\D6\E7\85\8F\7F\F4\E3\1F\1B\D9\01~l\00\03\18\C0\00\DEj\F0\DD\83\BF\C1\DF\E0\EF\1D\FA\F7\F1\1B\070\80\01\0C`\00\03\18\C0\00\060\00\0D\9F\19\C0\9B\82?\03\F8\1E\F6\06`\E9{\CE\0C`\00\03\18\C0\00\060\80\01\0C`\00\03\18\C0\00\060\80\01\0C`\00\03\18\C0\00\060\80\01\0C`\00\03\18\C0\00\060\80\01\0C`\00\03\18\C0\00\060\80\01\0C`\00\03\18\C0\00\060\80\01\0C`\00\03x\EB\00!\A4\1F\FC\0E\09\08\FC\ED\91\FF\F09 -\F9\0D&gt;\D7HH\0E\9A\CFu\EF\F7\86\F7\B9I89f&gt;\B7\BC\DFC\B2B\CE\CA\AB\82F,\BF=B\DEg&gt;\07\F2\FC?2\9FkD\90?7\9F\EB\DE\EF\0D\EFs\93\0C\91\BF3\9F[\DE\EF!\B9\18d\E6sR\FFH\F0\98\F9,\C8\ED\8D\FF\A2&gt;G\0Dy\DF\1Fh\1E7\9F\03\D2h\FE\A1\F9\\\93\9F\FF\BD\F9\\\F7~ox\9F\ED}#5Z\F7\BB\BD\AF\FC\1C\91\A3\CD?5\9Fc\EF3#\07Z3\E63\C7\CFY\C3\E1!\F3\FA\93y\FD\C9\BC\FEd^\7F2\AF?\99\D7\9F\CC\F4\E7'\A6\AE\7F\FA\99\97\9F{\FC\D1\C7^\98\BA\FB\CC-\E7N_\BAa\EA\E4\13\0F?\F4\C2sO?\F5\F8C\F2\E0\DA\D4\E6\EE\DD\1B+\F2us\B7~\DD8\FF\F8\93\E7_|\EA\F6\87\1F}\F1\89\07\9E\BB\EB\E1\E7\9E\7F\FC\E9\A7\A6\F6\ADm\1C\B8\E3\B9\07\AE&lt;\FC\E4\03\CF\BDg\EA\E9G^\A3\B1\95\A9\E3\0F?\FE\EE\C7\9Fz\94\FC\04\99""\D7\93\A7\C93\E4e\F2\1Cy\9C&lt;J\1E#/\C8\DF\EE&amp;g\C8-\E4\1C9M.\91\1B\E4\F7\93\E4\09\F20yH\1E{N\9E\FD\94&lt;\F3!s\E5\9A|\DF$\BB%lH\8A\81\CF\EA\DF}\DE \E7\E5\F9O\CA\D7\17\E5\95\B7\</w:t>
            </w:r>
            <w:proofErr w:type="spellStart"/>
            <w:r w:rsidRPr="00910B4C">
              <w:t>CBv</w:t>
            </w:r>
            <w:proofErr w:type="spellEnd"/>
            <w:r w:rsidRPr="00910B4C">
              <w:t>\1E\95\9F\9E \0F\C8\B6\EE\92\DF\9E#\CF\CB\E3\AA\D5)\</w:t>
            </w:r>
            <w:r w:rsidRPr="00910B4C">
              <w:lastRenderedPageBreak/>
              <w:t>B2O\B6\B7A\0E\90;\E4\AF\0F\90+\F2\E8\93\FA\BC\F7\C8cOK\EC\BF\B1\9E\A9&gt;\1C\97G\1F'\EF\96\FFO\C9\FB\DE\AC\8F\AB3\9F\D7\ED\A9\B1&gt;/{\F3\8C\84'\E4\B1\87\E5=\A7\E4\EF\AA\A5\17\F4\D8.\C9\CF/\CAw\D5\8F\97\E5\FB\8B\F2\FC\87\E5\FB\0B\12S\8F\CB\CF\EEl\F5\DB\D3\F2U\B5\FF\B0&lt;\FB\05\F9\AAzpE\9F\F7\8C\1E\F1\CB\FA\97\07\E4\F9\EA&gt;\CFh\9C\C3\B5\0F\99V\1E6\DF\1F\D0m?\A3\F1\F3\A4&lt;\EB\05}L]\F5\A0\EE\87\BA\BF\EA\C7\13zD\EA*\EC\17\\\F1\BC\C6\D8sW\FD\F2\88\1D\C3\8A\FD\8Em\ED\84\9Dg\F4\F7+\F2\1A\85\E3\15\8D/\D5\DE{\CD}W\EC}\B6\8F\E0q=\A3/i&lt;=$_w\C6\D9Kf\A4\EA\EC\87\E4h^\D4\B3~eG\DC\ABk\9E\D0\9F\16\E5\F9\BB\E4\BB\A2\8F\07\0D^vj\1D\FA\F0fq\EBZ\BFb\E8gJ\CF\ED\F3\9A\DA\1E\D7\18\01\CA\DDi\04x\F7\AB\FBu\D8\A3\015\12\18\CB\0B\FA~\CFhl&gt;\A0\DB\87\B1^\91\BF\BC\A4G\FE\B4\E6\89\CFG{\0FT\A8\EAa=/O\9BW\18\15|~Q~{F\BFN\E9\DE\E2lb;\EA\CC'\E4\19\9F\8FF\D5\0C]'?\BD\BC\ADu\E4\90\C7\0D\96\15\FD\A8\FE&gt;\A81\0Ds\FB\98\C6\F93\E4\10Y\97\F0\92\865=\17U\FA[\D3\F7|R\9E\F3\82\BC\8F\C2\CD\A3\1A;\CF\C8\16^\96\BF\E2\F8\9F\FF\0AI\B2\84\D0{.\DCr\FE\E1g\1Ez\EA\C5\8D\F3\BDs?un\F5\91\F2\DC\EAc\E1\8B\FB\EE\B9\F5\96\FFp\FF\D3\0F~\E0\D1\F5G\E3\EF\BB\F5\B6'\CE\FF\DDC\BFw\CB'v\D7\EE\F9\B6[\CE\DFw\E0[~m\9B$R={L\F7\E0Q\D9\B3\C7_\A3g\CF\DB\BE\ED\8C\B1\AF\B1m\BCl\E8\F1y\8B3\F5\FE\94\D42\FA\EF\D5?\97\9Al\A7?\A9\C7\A4\0E\A2$\97\1A\EA0I_}\95\A4\DA\02\F8\C3W\FF-\98\14\AF\BE\1A\04\D6\BA\C0\BFz`/\7F\DB\FF\F5H\9B\F4%\9E'\C9}\12\B3\1Bf\AE\D7</w:t>
            </w:r>
          </w:p>
        </w:tc>
      </w:tr>
      <w:tr w:rsidR="009F1CC8" w14:paraId="6AC487E9" w14:textId="77777777" w:rsidTr="009F1CC8">
        <w:tc>
          <w:tcPr>
            <w:tcW w:w="1418" w:type="dxa"/>
          </w:tcPr>
          <w:p w14:paraId="53284B16" w14:textId="3CD4FFD6"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4BD57C49" w14:textId="09208726"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580DC892" w14:textId="3FED75D3"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23D470E4" w14:textId="13CE0243"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27FBAB3A" w14:textId="61397950"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7CE4A616" w14:textId="759445B9" w:rsidR="009F1CC8" w:rsidRDefault="009F1CC8" w:rsidP="009F1CC8">
            <w:pPr>
              <w:rPr>
                <w:rFonts w:hint="eastAsia"/>
              </w:rPr>
            </w:pPr>
            <w:r w:rsidRPr="00910B4C">
              <w:t>\CC0\C5\1AO\99\E2M)\A6T\A0\FB\19\F3MY\A6\\c\89\A9\C0Td\1Ak*5M4\D5\1A\87\9B\A6@\FB\C3!\FDU\D3L\D3\1C\D3|\D3b\D32\D3\0A\D3j\D3:\F6\9E\89i\9Bi\A7i\8Fi\BF\E9-\D3Q\D3\09\D3i\D3Y\E8w\87\E9\82\E9\B2\E9\9A\99\98\D5f\9D\D9h\B6\9A#\CD\D1\E6\0E\E6DsWs/s:O\C96\E7\99\C6\9A\0B\CD\A3\CC\E9\A6\0B\E6Q\D0\CE\05\F38\D35\C</w:t>
            </w:r>
            <w:r w:rsidRPr="00910B4C">
              <w:lastRenderedPageBreak/>
              <w:t>0\E5P\B7\0A\DF\A3\98e\9E+\BF#a^i:\0A\E9\A7!w\0D\B4\B9\DE\BC\D1d1o1o7\EF2\EF5\1F0\1F\96\DFp0\9F3_4\F6\911\E3\9B\F9\8A\F9:\E3X\18\0D\D3\98,aR\98\D9X\12f\0Fs\01\8E\09\8B3\AD\F0\C3Ia\DD\BD8\86a6\BB\B0&gt;a\19a\03M\A7\FDp&gt;\E2\E1a\A3\CD\91\80K\10\8F\0E\AB\08\AB\C6\94\86\B0\19\E6\F4\B0\A7\C2f\98v\FA\E1ya\8B\10/\05\9C\11\F6\0A\B6\D6\84\F3\11\AF\0A[\1B\F6j\D8\A6\B0\ADa;\8C\C3q\B4\BB\C3\F6\85\1D2]\C0\16\8E\84\1D\0F;\15\F6a\D8yc\9F\B0Kl\8E|FW\C3\1A-Js\B6%\C4b\B0X,\0E\F3aHw\19_\0D\FB\10\B9q\DD\12\05\1C@\DA\12k\897\CE\93S,)\96T\E3\0E\8E\FBq:\0Bp\AE\A5\C0X\E2\87\8B,c\03p\A9e\A29R\961y5-\B5\96)\A6T\CBL\CB\1C\F3\02\CB|\CBb\E3+\96e\96\15\E63\B2\DC\CA\F3\82\D6\C6\1A_\B5\ACf#\B4\AC\B3l\B0l\0E[e\D9f\D9i\D9c\D9oy+,\C3r\D4t\CDr\C2r\1A\E4\07d\D2r\96\AD\BE\E5\02\D4\BA\0C=^c\92\16N\18\1D\AE\0E\D7\81\EC\A1\D4\85\1B\D9\BC\C2\ADl\05\99\D6\84G2\F9\0C\8F\0E\EF\00#o0\ED\09O4\BD\D5\A4;\E1]\99\94\86\F7\929\10\9E\CE\D61&lt;\9B\CD""&lt;/\BC\90\CD(|\14\9BQ\F8\B8\A6\D9\85\97\C3\EC\F60\F9\09\AFb+\1B^\87\F44F[r\91\FF\B8\BE\E1\B3\C2\E7\1AO\85[\C3\17\98\A7\85/Az9\D2+\19g\C2\D70\CE0-\0B_\CF\E49|\A3e~\F8\16c~\F8\F6\F0]\E6\95\E1{\19W\C3\0F0\19\B0\14\A1|\A2T\84\1F\B6,6\CD\B7\\c\9C\0C?\C6\B8\1A~\12\E93\E1\E7\C2/\86_\09\BFn\A5V\8DU\B2\9A\ADv\C6\07\AB\8B\F1\C1\1A\83\1C[\06\\\DAi\8Dc\B45\09\E9\EEl\F5\C3\92\AC}L\A7\81\03\8C\8Ea\1C\B0\C4\A2\8E$!7\88e?\EB\9D\ADE\98\84t&gt;\A3\99\B51_\B1fX\07\C2\1A\E5Z\F3\8D\AFZ\87[G\9Bu\D6\12k\85\B5\DA\DA`\D9f\9D!K\91\D9\C8\B4\C0\FA\14\A3e\8D\90\E5\0A\D2AS\98\A5\B2\CEc2c]d]j}\C5x\C8\BA\CA\BA\D6\9C\C8\AC\96\F5Uf\1F\AC\9B\AC[\AD;\AC3\18\FF\AD\BB\E5\92\CC\82Y\F71[a\DD$[3\A4\0FY\8F\84\99\AD\C7\AD\A7\18\FF\E5\B5\B0~\C8hf\D9\A05\B0!\D6\F</w:t>
            </w:r>
            <w:r w:rsidRPr="00910B4C">
              <w:lastRenderedPageBreak/>
              <w:t>3\D6K\8C\FF\D6\AB\8C\FF\D6F\9B\D2\16b3\D8,6\07\EAH\89\ACw\B6(\1F:\B6\89\FF\CC\1E\9A\AF0\CBc\8B\B7\A5\D8RM\B5\B6~\B6,\93\A5I\92m\B9\B6\02[\91m\AC\AD\14s'\B2\\[-\D2S\90\9E\89\F4\1C\DFZ\B6\F9\E6\C3\C6\E1\B6\C5`i/\D8\96\81\DD\CB\B2\AD\00\FA\A8m\B5\E94\93a\DB:&amp;\C3\B6\0D\\\D3\D1:\C9\D2k\DBl:a\DBf\DBi\89\B2\ED\91m\91\AC\D1a\F9lMe&gt;\DB\F6{\F8l{\8Bq\CFv\D4v\C2Xmc\96s\94\ED\AC\AC\D1\B2\C4\B2\D9A:\CE.\ECC&amp;\81\F2\AC\99\B5\B7]\90\ED\AA\EF\98e\AB\C2-\0C\8E\0D4\08\C6&amp;\DB\10y\DDm\97\9B\DA\B7]cm\DA\09k\D3\AE\B6\EB\ECF\BB\D5\1Ei\8F\0E[e\EF\10\F6\AA=\D1\DE\D5\DE\CB\9En\CF\B6\E7\D9\0B\ED\A3 %\DD&gt;\CE\9E\C7s\CB\EDUa\87\ECu\F6i\F6Y\F6\B9\F6\05\F6%\D6\12\FBrc\83}\A5}\8D}=\94\DC\88\B5\B6@\C9\ED\F6]\F6\BD\F6\03le\ED\87\ED\C7\EC'-\EB\ECg\EC\E7\EC\17\EDW\EC\D7#h\84&amp;B\8A0G\D8#\\fcD\8C92""."")\A2\BB]\1D\D1\C7Z\1D\91\111\D0:#""?bx\C4\E8\88\92\88\8A\88\EA\88\86\88\19\11OYK\A0\D6\BC\88E\11K-;\E5\91G\BC\12\B1*bm\C4\AB\11\9B""\B6F\EC\88\D8\1D\B1\0F\EA\1E\02\DB\05v,\E2H\C4qSJ\C4)y\B7\8A\F80\E2|\C4\A5\88\AB\11\8D\0E\A5#\C4fq\18\EC\07\EC\1Bm!\0E\8B\C3as0\DA\11\E5\88u\C4\03g\D4\8E\14\BB\D1\91\EA\E8\E7\C8r\E4:\0A\1CE\F2\0E+\EFe\8E\B1\8ER\C7D\19\DB\0B\1D\B5a\AF:\A68f\DA\A3\D9\A8\1Cs\1C\F3\1D\8B\1D\CB\1C+\1C\AB\1D\EB\1C\1B\1C\9B\1D\DB\1C;\1D{\1C\FB\1Do9\8E:N8N;\CE:.8.;\AE9\89S\ED\D8\E3\D49\8DN\AB3R\DE\A3\9D\D1\CE\0E\CEDgWg\AF\B0C\F2)B\DE\AF\9D\E9\96\FD\CEl;a\FAn\BE\EE\CC3\9Er\16:awf\A7\05\DB\05Y~@S\CC\B6</w:t>
            </w:r>
          </w:p>
        </w:tc>
      </w:tr>
      <w:tr w:rsidR="009F1CC8" w14:paraId="1B307355" w14:textId="77777777" w:rsidTr="009F1CC8">
        <w:tc>
          <w:tcPr>
            <w:tcW w:w="1418" w:type="dxa"/>
          </w:tcPr>
          <w:p w14:paraId="109EE178" w14:textId="6812701A"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3A3C7AC2" w14:textId="74EFDC02"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3D3E26DD" w14:textId="30D832C9"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1465C394" w14:textId="71211ECF"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1F0CCFB2" w14:textId="1EA7EA94"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4988ABB7" w14:textId="5443B38E" w:rsidR="009F1CC8" w:rsidRDefault="009F1CC8" w:rsidP="009F1CC8">
            <w:pPr>
              <w:rPr>
                <w:rFonts w:hint="eastAsia"/>
              </w:rPr>
            </w:pPr>
            <w:r w:rsidRPr="00910B4C">
              <w:t>\D0\A0\98\C3[\9CW\11+\89\14F}yPp\\\17;\B9\06\1C\97\8B\FD\DA\B6\AB\7F\88\83\83\E3\B4\C1\B9\C9\D1\E0t\F6\B7\8Ag9=\C5\08\0C\15\B3\AF\C8\953\C3\D0\19\C3\A1l8d\85\01&amp;\01\94\C1\19e\FD\CEQ\0C\F9\C5\B8</w:t>
            </w:r>
            <w:r w:rsidRPr="00910B4C">
              <w:lastRenderedPageBreak/>
              <w:t>\F9\8A\8A=P\E4\19I\8F\F6\E5x\BE\85\E7=\F4\19Li\E9\D1R\D8\B7\C0}\C0\C1\F1U\D8\FE\EFY\87\02\C7\89\82\FE\DC$pppppp\0C&lt;\0C\86S\09\FC\E3\A1\03\04E\81(\FDOJ\\\0D\0D\F2\17\D3/(\A0\F3\0C9s&lt;@\ACpPE~ne\85+\AB\ACphEy\C1\A0\92`!\94\1C\D7\C5N\AE\01\A7\EFw\9C\FAB\1C\1C\1C\A7\0D\E6\FC\FELp\BB\FB\FF\EFx\C0\9DYZ\CA\AC4\A5\EC\15\9F!\D4\AE\04#F\C3\E0\D1\E0\C3|\CD4j\C4\90~\E7(\85\C2R\DC\02\83J3\A14\F3Lzt 7\13J\E1\9B\06}\06SYy\B4\14\F6j\12\FFy.\8E\AF\E3\18\BE\AA\15\07\8E\13\05\C3\9C\DF\03\07\07\07\07\07\C7\C0\C3\A9\F5\F4\88\7F\BAf\80 \96SR\08\EC\ED\B7\8A`i\EFc\FA\CC\9A\A9\93\01\CAK*\AA\8B\0A\86V{\FCCb\F1\EA!\C5\15e\E1\18\94\1D\D7\C5\BE\F9\DF\D4\FE\9F\D0\F7;N}!\0E\0E\8E\D3\09b\AF\CB\04BwI6\EEaH\C8\01\89\08\18Q\0D~\90\90\A9\E8\B7\E2\CA`0\EE\9F\01\B5P\0F\A3`,\8C\87\890\19f\C2BX\0E+a#\FC\8A\0C\12^S\C5\FD\1A\7F\89\BF&gt;h\0F?\F3\A5\94J\01\B0c\8B\0E\1F;\02F\C2\18v\EC$&lt;\B6\15.\F87\C7B*\95z\E7\7F\DDf\E3\F6\B3\1Er \F1\F1s\1F\DF\B7\E7;o\DD\FB\EE\19\F46\FE?kC\C2\A5\EF\0Ax\1C\B6\19V\1A\BE\83\A7Q\F5\9D\8A\08X\1D\C2W\F2\13Zyr\DF\BE\D9b\B5e\D8\E9{\A7\1E\C6\A7\E9/\ECEr!\BF\00\0A\8B\D87y\CA\A0\A2\BF\11l8\D47\8C\1C5z\CC\D8\C6qp\E6\84\89gM\9A&lt;e\EA\B4\B3\A9\DD\EE\84C\FC\CA\FE#\E8\1E\DFv\D4\AC\7F\A0\E2\F5t\98\F7\03\88\9F\BDf\F9\B2\A5K\DA\17_\B8\A8\ED\82\F3\17.\98?o\EE\AC\19S\A7L83^;\EC\8C\9A\A1\D5UC\06WV\94\97\95\0E\8A\95\14\17\15F\0B\F2\F3r#\E1\9CP0\E0\F7egez=n\97\D3\91a\B3Z\CC&amp;\A3A\AF\D3j\14\B5J\96D\81@aChd\8B?\11iIH\91\D0\E8\D1Et?\D4\8A\11\AD\FD""Z\12~\8C\1Ayd\9E\84\BF\85e\F3\1F\993\8E9\E7}%g&lt;\9D3~8'1\FBk\A0\A6\A8\D0\DF\10\F2'\9E\AD\0F\F9\93d\FAYM\18\BE\BE&gt;\D4\ECO\ECc\E1\F1,\BC\9E\85\0D\18\0E\04\F0\00\7F\83kA\BD?AZ\FC\0D\89\91+\17t4\B4\D</w:t>
            </w:r>
            <w:r w:rsidRPr="00910B4C">
              <w:lastRenderedPageBreak/>
              <w:t>4\E3\E9:u\DA\11\A1\11s\B5E\85\D0\A9\D5aP\87\A1\843\D4\DEI\9C\C3\08\0B\08\CE\86\EAN\01\14\03\16*\E1\09\D57$\DC\A1zZ\82\84\18nh\9D\93\98xVSC\BD7\10h.*L\90\11\B3C\B3\12\10\1A\9E0EY\16\18\C1.\93P\8DH\A8\D9e\FC\0B\E9\DD\C0\B5\FE\CE\C2m\1D\D7%\CD0\AB%\AA\9F\13\9A\D3znSBlm\A6\D7\B0D\F1\BA\F5\09\E7%{]}\BBxr\EB\88\A6\B5\FDS\BDbG\83k\A1\9F\EEvt\AC\F5'6\9E\D5\D4?5@es3\9E#!\84G\B6t\8C\C4\0B_\87U\D88\D9\8F\D7\12\D647%\C8\1A\BC\A0\9F\DE\07\BD\A7\F4\DD\CD\0D5\D0\98\96\F3\FD\09MhxhA\C7\F9-\D80\9E\8E\04L\BA8\D0\E5\F1\C4\B7\A4\F6\80\A7\C1\DF1\A5)\14H\D4zC\CD\AD\F5\99\9D\19\D01\E9\E2nw\DC\EF&gt;2\A5\A8\B0\D3lIWk\A7\D1\D4\1B\D0\1B\FA\07\E6\1ENc!\96\9D\86\1A'\1D\AEWBK\14\1A\83\DD!\E1\9F\ED\C7\924\85\F0\9E\86P1w\08t\CC\1E\82\D9\10\CD\04\8FJ\CC\C1\F6X\98\D0\8Ch\E90Wc\BC\99\1E\9F\90\C3\E6\90\BF\E3\1F\80\ED\1F\DA\F7\E7#cZ{cTa\F3?\80\06i/9\DC\D10\FDP8\11\8D&amp;\0A\0Ah\07Q\8F\C0\16\C52\0Ec\FB\15E\85+\93B""\D4n\F6\A3\87\D5\07\13\B1n[\9B\ABK\B0\F2\03\01\DA\BC\D7&amp;\E30\0Bw\12\AB\CFjJ\EF\FBa\96\B7\0B\E2%\D1\E6\84\D0BS\B6\1DJ\B1O\A5)\AB\0F\A5\1C&gt;\BC%\84\FD\F8!F\0C\F6\84\129\FCg2;l\0D\0B\AA\13\C4\F1?$\CFM\A77N\0E5\9E5\BD\C9\DF\D0\D1\D2[\B7\8DS\8E\D8K\A7\0F9\9C\D6\1B""\E9\04\AC\F0\84\14\C6\9A\1A\13\C2\AE7iz\13\8D\C0?9&lt;2\D4\B0\B0e4\0E5,c\C26\A2I\F4\0A\CD\E9\90\E0\15\D9\A9\B0\FF\9E{\F8\CCt\A7IO\CF%\85U\AC\FF\CFI\AA\15\EC\C0,\86\F8G&amp;\CC-\A3\D3\B2Y\1B\08\FC\1F\0FJ\A6\F6\D3\A3\98\D7wX\EF=%\AA\A3G\EE\0F=b\FF\88\E2\E9;D,\B0\14\11\1A\A7L\EF\E8\D0\1E\916\12\C9\AA\A3cd\C8?\B2\A3\A5\A35\99Z=+\E47\87:\B6\88MbSG{C\CB\A1\E6O\A6\B6^\EBM\8C\BC\AE\19o</w:t>
            </w:r>
          </w:p>
        </w:tc>
      </w:tr>
      <w:tr w:rsidR="009F1CC8" w14:paraId="002CEF8A" w14:textId="77777777" w:rsidTr="009F1CC8">
        <w:tc>
          <w:tcPr>
            <w:tcW w:w="1418" w:type="dxa"/>
          </w:tcPr>
          <w:p w14:paraId="2CC55447" w14:textId="54993CAD"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293EFDD0" w14:textId="2ADF0184"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709BDC1E" w14:textId="4849DEF3"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265856A6" w14:textId="54FADA61"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2600D993" w14:textId="3698ADBB"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09A7A9E2" w14:textId="444C3769" w:rsidR="009F1CC8" w:rsidRDefault="009F1CC8" w:rsidP="009F1CC8">
            <w:pPr>
              <w:rPr>
                <w:rFonts w:hint="eastAsia"/>
              </w:rPr>
            </w:pPr>
            <w:r w:rsidRPr="00910B4C">
              <w:t>\D0~4h?\B4]\BF\82&lt;/\F1\97Mo\0F\DB\E8Z\C5\87\C1\9D&amp;-vh&lt;^n~\DD&gt;\A8\91\80\02\AA\A8\DA.\1EO</w:t>
            </w:r>
            <w:r w:rsidRPr="00910B4C">
              <w:lastRenderedPageBreak/>
              <w:t>&lt;\19b\04|\DB\AB*O\8A\9F\11t\1DW\E2O\C4\AF\86\BAG\C6\8D;R\B2\D35/\11jZO\C7\FBk\98\BC+\06\9E\8D\F6\89`\D3""\81\81[\B5a\1A\C2\8C\DBD""p[\A1\A3\C1\FF\00\B3\CF\8A\AC\F5_\83\BE.\F8K\F1\97\C0\FA'\C2O\02\E9\9A&lt;\7F\10b\F0\AF\8A%\B7\D3u-B\C9\96]R\E6am\1F\91+Io\E5n\92\E0\AB2\85\F30\A0\1A\E8&lt;\1B\F1\E3\E1f\8B\F1\F7\E2u\A6\B7\E2\0F\8C\1E#\FE\DA\D1\B5K\DB\1F\0A\F8\E2\F6\D6\EB\C3~#\B5\9A\E9Dqh\16\AE\E3\ED\7Fh\C1\8E\D5W+,L\EA\09\CD\00y\FF\00\FC$\9F\14\FF\00iO\D8\BF\FEH7\83\EC|I\E3\FF\00\88\1F`\FF\00\91&gt;\EA;8mo\B4\EF\F9\19:\BB\AC\A1\E5\FF\00\8F\FF\00\99B\8E\8Cz\F3\FF\00\0F\7F\E0\9C\F6&gt;\07\D2\BC5\F1+\C3\9Aw\8E\13\C6\DF\0C\FC[ms\E2]']\81D:\E4Zr\AD\C5\DC\9A\14In$\B9Y\E5U[V\95\90H7\06\DAy\AE\D7\C2~9\D7&lt;Y\FBSh\DA\DF\8D\BE""\7F\C2\A1\F8%\E1\DD\1A\16\D0\F4\EF\0B\EBo\A2h\F6\B7V\F7\CA\F6\FA\06\B5\1C\ACm\D3R[Vu\B9\B2B\18$J\17\0A\A6\AD\FCb\F8\85\F1\F6\F3\C7\DA\A7\C4\AF\08\F8\97G\F8\99\F0\93T\9A_\02I\A4\FC\19\BF\D45mKM\D3\E5\95\EE\0E\A4\91F\DEDZ\ACv\FB\14O\B8\AA\B4\91\0D\85X\1A\00\E5&gt;!G\E1_\8E\DE\01\F1.\A7\E2?\86\D7\1F\06\BE-\AF\8Enu?\0D^hZ\14Z\16\BDe\A7\88\99\AD5\DDu\DF|\F1\E9\E9q#\1B\AB\C8\8E\D5\92%*w-p\1A\E6\93\E2\AB=W\E1.\A7oe\F0_\E2\DE\A5\E1_\16\E9\1A\DE\B1y\F0B)u\AF\1BjQ[1i\EE\EF\9C\0C\CA\B272\CA\E5CO,$\91\BA\BE\8A\F0\0F\C5\8F\F9\18\FF\00\E16\F1\97\EC\FF\00\FF\00""e\CF\874?\F8NuO\F8\AC?\87\EC\F6\1E%\F3_\FD\FF\00\B6B\9F\F2\DF~\D5\EBZ\BE\1F\F1g\C2\CF\09\FF\00i\7Fbk?\03\F4o\ED/\87\F2i\B7\DF\F0\A5\EE\AD`\F1\85\D6\BF&amp;&lt;\CB}'a\1B\E2m\A3\C8F\CC\A6q\0EG\14\00|j\FE\C3\D6\BC+k\E3o\87?\DA\16&gt;\1B\F1\FD\EAx7\E2_\87-\B6Gg\E1\CB[\E8\E4\9BW\D5u\0Bx2\96\9A\BD\BA\18\E3\96\E6\E5\99bQ\B6Ea\83U&lt;/\FB@\DFk\DA\AF\8C?g\FF\00\02\B5\C7\82\F</w:t>
            </w:r>
            <w:r w:rsidRPr="00910B4C">
              <w:lastRenderedPageBreak/>
              <w:t>C\13\E1\8F\83\F7\8D\A1x\E7\C5E\AC&amp;\9E[f\16V\DA\B47\D0\C8cm=\A2)2\DC\C7\1A\92Q\9Dp\00Z\F0\AB\DF\83\9F\0B&lt;'\FF\00\09^\A1w\FBNx\C3F\F8m\A9xf\EFY\F1\0F\81&amp;\F1\FD\AC\1E0\BA\D7\E4\F9\AE\AD/,J\08^V\85L2G!2\99\C6\C6;Ey\AF\874\9F\8C?\B4F\AB\E0\8F\89_\0A\AC\AD\E7\F0N\81\A9\D8\FC!\D3\F4\9B\88\AF\1Ak\CD\16\06\17\11&gt;\BF\15\B8x\E4\B4x\A5\89n\8A\B0\8C\9E\04``\90\0F\A0&gt;\08\FC7\F0\AF\86t\AF\00\DB\F8s\E2\0D\BF\85~-\CB\F1\1BO\D5|K\AFx\D3Z\8A\CFR\F1\AE\9EV1v\BAD\E8\A2}CJ\BD\B8\0A\F6\E2_\96vW,w\0A\FD4\AF\CBX\F4\9F\0A\FE\D6_\B5\E7\C3m3\C3\96W\1E\19\F8\B7\F0fm6\DB\C4\B6k\14V\9E\15:~\91\A8m\BB\8FKD\12O\BB\ED\13(\81e\11\AF\92\B8m\8C9\FDJ\A0\02\8A(\A0\02\BEJ\FF\00\82\95|H\BE\F8k\F0_\C2w\1Ag\C3\DF\0B\FCL\D4\B5O\16\DAiV\BA\0F\8A\B4V\D5\A1ye\B6\BA(\D0\C0\AC\A4\CEY\02)\198\91\80\07u}k_\1F\FF\00\C1I\B4\0F\F8K&lt;+\F0/D\FE\D2\D44o\ED/\8B:\15\97\F6\8E\93?\91yk\E6Gt\9El\12`\EC\95wnV\C1\C3\00q\C5\00|\AB\F0?\E0?\C6\FF\00\F8e\9F\8E&gt;+\D1&lt;?\A8x;\C4\9E%\BD\D7,\AF\BE\19\EB6W\D6:?\F6U\C5\8Cr\C9.\95\A6""o\FBv\FC[\C0\CCJlS\19\04\8C\D5\BF\87\BF\07~""\DE|\17\F0\D5\BE\99\A5\F8_\C2\BA\94\D0\DBxb\D7^\FD\A2-\EEl\FCU\A6\EBF\D9BC\E1\C9\D53\15\A4m\87\B3Q\FB\C5\99g!x\A3\F6y\F8\A1\F1\17\E1\1F\C6\8F\8C\B7\17\1F\145\8F\88Zn\8F\A9\EB&gt;\09\D1\F4\1F\14x\82\E7S\9BI\96+\98\CC\1A\F6\AD\01e\10iQ*l\9E\F50P\BB\00\A35\E8\11\F8_\E2/\C5\CDW\E1\B6\A7\A9\F8\C3G\D3\BC\13e\F1OM\F1\15\D5\E7\8Fu;\98\A6\D5\B5\A4m\CF\07\86\1D\83G&gt;\8D,NM\92\13\E69\0EKb\80\0F\1B|=\F8\8By\FB!\C5\F0\D6\DF\C3?\09\FE&amp;x\DBT\F1\C8\F0\B6\B1\ABxn\C2\E7V\87M\96]=\AD\E7\D6u)B\F9\91j\B1\CB\F3Mt\EAJ\89\14\95%\B1\\\A7\82~\0E\F8\AB\F6M\F8/-\C7\80t\BF\8D\1A\8E\A5{\E2\03\E0\9F\19\E86\F6\F2\CB\08\89\ED\94\EA</w:t>
            </w:r>
          </w:p>
        </w:tc>
      </w:tr>
      <w:tr w:rsidR="009F1CC8" w14:paraId="12E16563" w14:textId="77777777" w:rsidTr="009F1CC8">
        <w:tc>
          <w:tcPr>
            <w:tcW w:w="1418" w:type="dxa"/>
          </w:tcPr>
          <w:p w14:paraId="56EE2998" w14:textId="0B7F58A3"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09BE895C" w14:textId="1A4DA764"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6DA847D1" w14:textId="301B739B"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6BD7FC02" w14:textId="282ED7B4"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57EBC5E5" w14:textId="2815D86D"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0B13D50F" w14:textId="3AF69568" w:rsidR="009F1CC8" w:rsidRDefault="009F1CC8" w:rsidP="009F1CC8">
            <w:pPr>
              <w:rPr>
                <w:rFonts w:hint="eastAsia"/>
              </w:rPr>
            </w:pPr>
            <w:r w:rsidRPr="00910B4C">
              <w:t>\D2E\9F\B8\BB\F5\AF\A3\85k\E55\B0\AEu\F2\D7\DE\C6\BC""=]\BD!3\B02}\CA\D7\\\E6\AFO\BB\AB:\CF\DA]\D5y\D7\EE\AA\CE\BBvWu\1E\B6\BB\C6Z\99\9F\AF\F1{\DCYx\16R*\A6\8B\B3\F5\C4\E9\\\F7r\CD]\B2\EB\FF\93\FCK\91\\&gt;\9F\E4\B7\EB\B3\85&lt;\F3h\C6y""\BB\8Eu\01\BC\1A\CE\C0\F9\1F\91w\C7_\C6\EE\A0\FF\B5\B2/_\F2\DA\A7\E9\B2\B6\EA\E7Q]=\BF\DB\99\\M\C2\EBc\BF\C8j\12N\F3\A68\B35!&lt;\1F;\1BkB\1A\9Fwde\C7D\F1U\AC\EC8\13\1B\A5G%\D5\BE\C6r\BAWY\F0\9Cz\FC\D7\D8\A2\B5r~\15k%\CE\C4\A6\B5+\1E&amp;\8B\AFb\C5\C3\99X5\F2&amp;\7F\9A\F8*\D7-\9C\89u\9B\B9d\D6\CE\03\89c\D7\10\F0x&gt;\E5&lt;\B0\B2[\E2\AFr%\C0\99\D8\D9\FD&gt;\7F\86\F8*\DF\E77Vj\DE%] x\DD?\CF7\82\EA\04\E2\01\B1g\10\FBF\05\F8\14\E23&gt;\FF\9D\CF\90VNs\85\EBs\EE\F8\9E\F8\92%\7F\C7\B2\BFV\A6\0D%W\FB\F5\CAi\08\17\E3\FB\95\93\097_[\A4Uh\CB\C9\CD\D4VQ\1C\7F\B1r\11Q\8E\C3\17+\17Qj\FEf\E5v\8A\DDGW\9B(\ED&amp;\ADZ;\AC\1D\D3NR\FCL]\D7\BDz0\E2\C0\8F\9C\9E\A4U\B0Cz\A6s\BB\86d\9B\A0\A7\C6\CB\05\1E,SD\9E\88,\F5\C8\01\1E\CC\97\F5a\9Ab\92\83\E5\CA\D4\F3\C9/\D0\0Bq\DDV;\A9w$\BF\8B\D6C\EF\A6\F7\D4\FB\E8%\FA\80\18Y\88\97P{7\D5\1EJ\EC\B0T\FB&amp;\E5\1EJ\9C\ED-\F7t\EA\D8=\AFvX\CA\BD\9B8\B1[\9DV.Ob\C6I\DEr\F7\A4&lt;\E3\\\EE\F5T;;q\AA\B7Vz\EAC\0A\1F\07\E61\11\DD\C7)\F7\80\EAX\9B-\F7\89\CA\DD\9F\F2\DCq\B5\1FTGx\19`{@\B9[\14\FB&gt;\E4\CEN\B5\DF\B4\0Ax\9CP.\F7z\CA]\92r'\A81\1F\B0\04\B0#C3\0C\D8\12\98\ADH\8B\1D\A5\D8m\199E!\B23o\0C\DA\E7\D3\FA\8F\E0?\17\88\9C\E1\9D\19\A5\E0\AF\87Z\FAt\FD\19}\86\FE\E3\C0'qt\E9Q:\FE\06\AF\A9O\D5\7F\A8O\D3\9F\8DRq[kN=[W\C4'4\D8\D6\B8\A55\FC\15\86\04\C1gyk\CA\19\AEp\C4\E9q\F1L\1F\14\A3\C58\9A\07LV\FE4\E5\CFT\FE\1CW\FC|\F2\17\A9\EB\FA|\8E\E7\B3\BB\E7\8BU8\D1\BB2\C6\8F\D0\A9:x\0A\BBpk\8E\00b_\AB\\\0B/\CBP\956\E</w:t>
            </w:r>
            <w:r w:rsidRPr="00910B4C">
              <w:lastRenderedPageBreak/>
              <w:t xml:space="preserve">A\9D&lt;\D7\DE]\A7\E4\AE\E0\9A\F9\B5\B5@~\D9\82\EC\C8_.\E9\861\98-\F5#*\13\EE\BF\9ARXZ\FDG\91R""\0B6p\AA:Y\93O\B4\1F\0E\A7)\D7\94\EE|\874\CA\0D\17\E5T\8E\E3\E1&amp;Q??\83\EE\DC\D8\8D%7\8Fp3\C4B\0A/\81[F\B8AX-#j5\AD\C9\AC\B5\C9\A7\A8\EF5\A8\B9\9Fb\F7r\0D\F6\F4|\8A\F6Q\83}\D7\9F\A2\ED\D68\08\A3e|\0A+\D5,\11\F5}!\EA{\D11\E7tg\D4k\A2\95p\7F3\EA{\E2\F4\E7\D0k\FA\BA\CF\95\EAU!\BF2\A2\8B.x\EB}\DA\B3\EE\1B\8Cc\DD\075\E8\B4zp\8Eh\8B\AF\A8t\89:\F9M\95n\04\BB\D1U\17\15\96q=\E9J\95\91\FC\9ABMGW\E98\D1\DAX\BB\F3\AAH\C8}\1D\E3\A0\E5\D3\9F\A1\99N\AD}\94\90\FBsx%\86F3\85H\FA\86\BF\0D\F0\9C8\F3\9D\C72\9F\FA\A5\FCQ#\A5\8CO\FD(RO\FFB\A9\9F\F9B\A9g|\A1\D4?\FEB\A9\9Fmt\EA$\D4\A2V\AE\D4\9F\9D\8Er\A0\F2\AE\9B\F7c\C8{\EA\E7\94\\\A6\FE\E1\17J=\ED\0C\F4n\EE\D2\FB\B1\D3\D6\E8\DAtL\9D(""#\E7\E3\1C\AA3g\8D=\A3\A7v\E6\CA\ABIK\F8\1B\CB\8DN\D38\BA\C4\E8\B8P\BF+\FF\8C\F8Z\97\A8\BE\E2\C4\FDL!\C1B|\CB\A9\0B\DD\9BGz\9F\8E\F8\FA\A0PVK\8F\F6\F3\1D]\BD\10z\9E\938\E7\A2fk\B4Gr\EF\F7\C6W\CFi\D49{\BB\CB~\04\F8\A2\88|\7F\AF\04O\FA\06\9C\D3|xMp\A90\D4\8E\CFs\99S*lf\E2\1D\81\DC=xn\F2\E2Z*\C7e\EC\D6\D7\7F\AA\CFE[\F7\09\9E\F3\06\E14\B4\0AY\03\E4|\DBO2\0E\C2|R\B3\AE\8E\\\9F\9A\A3\AEu\11F{+$\CC\B5\A7\DA\82\EF'\09}@g\9D\E8Ou\C3\FD%2GxN\FE\FB\D3.u\B1'\B6\8BA\F5`'\D5\87=^Y\1F\F6\93\9A:X/\D5\D0\7F\9E\13\0C\E9\F6\9F\91ue\F8\CF\07\F5I\F6\9F\9F\D4\87\FD\F7\BB\F5b\9B4B\0B\A2;6\AC^\1B\98\F5a\8F\8E\A9\0F\FB\D1\B2\C6\E5t|F\BDr6\AF\0F{l^}\D8\8F\EB\96-\D9\EF\E4\C4z\CA{U\BD\F6\EB\F95\AD\05_-\86-\F3f}68y\DD\17\AAo\8E\C8\16\FC-\9B\86f\81g6\FF\0B\10]\98\FA\84Z\C7\D7Z\9C\D3\95\DFS;\A0\1D\D2\8Ej't\A1\DB\BA\A3'\EA)z\BA\9E\AB7W\98Vz\91\DE\81\FC\CEz\B1\C2\F4 </w:t>
            </w:r>
            <w:r w:rsidRPr="00910B4C">
              <w:lastRenderedPageBreak/>
              <w:t>\9C\AD\F7&amp;L\07\BA\EE\A7\F7\D7\0E\E9et\95\AB</w:t>
            </w:r>
          </w:p>
        </w:tc>
      </w:tr>
      <w:tr w:rsidR="009F1CC8" w14:paraId="395844AB" w14:textId="77777777" w:rsidTr="009F1CC8">
        <w:tc>
          <w:tcPr>
            <w:tcW w:w="1418" w:type="dxa"/>
          </w:tcPr>
          <w:p w14:paraId="6BFB3EA2" w14:textId="3051CDB4"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209ECB7C" w14:textId="691CA4BD"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06F106A1" w14:textId="0AE8CA05"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6797F2E7" w14:textId="1F9ACFC0"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4B4E6C65" w14:textId="1120B97E"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1AA14EC9" w14:textId="20CE7D97" w:rsidR="009F1CC8" w:rsidRDefault="009F1CC8" w:rsidP="009F1CC8">
            <w:pPr>
              <w:rPr>
                <w:rFonts w:hint="eastAsia"/>
              </w:rPr>
            </w:pPr>
            <w:r w:rsidRPr="00910B4C">
              <w:t>\D51\E1\F5\16\FC\BC\7FF\CA\A0:\E6x\B9! &lt;\8B\AD\CE\E5-f\B8\BC\DA\B0\B9\E4+\CB\EB\87\91JESH&amp;\0E\01g\02\19s\A5\F4\0F\01Sge\A8^\E4\1C\AA\01DL\1E\88\E9(Z\A0\1AQ\A0\BE\CA\0CT\F5\CA\06|\C4\FBn'\D7&lt;\BD\1F^_\E0}g+FoM\C5k\F7\1E\B7\1DR7+\08A^A\08\F2\0A\FA(.\D5@\0CA\F5\0Az7e\00\D8\E1\E9\B1*O\CF\04\AF.\19\D7\CF\E0}\E7\F0\0D\BDW\15W\B3\06\EF6\17#(l\E3A\15\B6Z{\BA\D2+\EC\0E\BB\0FX_v\AA\C5~n\AC\B1{+\BAr\E4\DC%\A3\A5\DF\DA\E6]g\C9p\1F/7\FA[\9D\BD\D3Uz\D0\06?\\\DE\1C\D1&gt;\F6\F8\EA\D2\D6\CA\C6""\E0\9Dj\93\B4j\ABK\F2Dd;\15\88\E9T\B5F\D7Y\C3\A6\C5\BE`d\AF?k\81W@\BC\FEmS\17\DF\F3T3\CFS\CD|\B8\F6i;\14\FF\94\DE\9Ei\AEW\AF\FF\AE\CE7\A1\0B\F3]\E4\F6)\B8]T\D6\84\D0].\84wo\16\9B+z\98\83y\D3Uj=_\AA\0Et;\BC\E4\0At\B4*\96y\07\8Fu\FA\8D\AENS6_\8A\C5vxrj\AA\A9l\CD\01\FCE\CB\D55W\9585|\C5\18\CB\1Ad5\DE\87\1FPm~@\B5\05\99S\1B\88\BDB\AA\8Dx\1F!lB\B2\D8@u@S\A9\F7&gt;\9A\19\D8CPx\A6\A8\F7\D1.9\9E)\A5\DEG\AB\AA\87\EA\DD\9B\90u\D9\96.^\AAV\F5\0A\C7\AD\AE\BBN~v4\DA}\AB\D9\A7\9B\A05\88\BB\17k\F3c.\86./)\F9\D9\86o\15\0E\D8\C1\B8~\AF\0B\1F\90\F9\F5\09k\10\F5\90\AC\D5k&amp;\DEG\BB\99\FDVW\D1O\84_yy\B59\F8\0E\E1\F7\D4'\BC\7FS\B8\F7\D7\13\C5\AA\AA\A0*\F6`7X\A6\ADS\F8]WGh\87\F0{\EA\B6\DDm\03\959e.`{\F0(\1D\B1\EB6m\1C\C4$\E2 &amp;\91HB\0C\19f \8E\BAc\121_\F2\9D/6m\BC3\9B\B6\99\816\82\1A\81?\99$\AD\F5\D6b\\&gt;X\B5&amp;m\A3p\F5\CC\0B\9A\03\B6\E8\EB3D\AD\C5^m\AB\95\F5\EFT=\E82\B5\C2\\r\B9\DB\BD\C1E\ADvw\07jZ\ADB\A4\18\E5\E5\B5\0Et-o2\A3\E5u\D5\B8\D5\1A?iUU\C61\D3\F8I\BB\01tr\CC\C49hO\D9\C4w\AA\EB?\8A\8C\B2w\98T\A8\FD\BD@\9D\83FU\08\BA\82i\D49h\F7m\81\F4\8A\CD\DA\B7\AF/n\BF\F3h0\</w:t>
            </w:r>
            <w:r w:rsidRPr="00910B4C">
              <w:lastRenderedPageBreak/>
              <w:t>1C\C2%\0Eo\FC\1Bf\B8\\\B5\C7\0B\B9\DDA\ED\EEB\EEe\10ypT\9EV\C4l\94\9Fg\8Fc%\FC\CB\07b!\DBx\895Usp\93\8A/\19fZ\EE'\B7R^\D1\15\AC\19\EAz\00e\BA\E2&gt;\95u\B5\DE\EE\EAN\DC\FD\EC\D8\FF\9A\C6\D9\8D4\F6;\A7KWo\86\BB\16\DE\B2\D3\04XS\94\EB\94\BF\D8\A9\AA,\A7\C2\A3\CD}*j\DDc\01lu\A9:'\B6\0A\9BU\95\FD\EA\E3\95\BD\AA+\FF\C7#!\7F\AA\B1\DF\AA\AA\CD~\F5ynt\D0\E1\ABJ\FB\D5\97|\E9\93\D1\1D.\1E[\E4FIuv/_~\E3\C6\07\CD\A3%r0D\9E\D6\C4t\94\7F\B4Q2%\F0%@\D2\1C\FFn\00_\12\E0\1D\C1I&gt;\B5\E3 \F2#\97\E7*\07\E3\A6rat\1C""\FF\FB\D3_\FF\D4\AF\1F8y\FD\C0\C9\EB\E7\C5\0C\EF\91\98\8E\A2\8Fd\0DP6P\02i|\AD\EB\14\A3\F1\19c*\A9\D3T\E7!&gt;%\08LA\ECVa\9D\09\02\13-\D9\A9\AA\ACQ\B7EO\F9DKv\1BVY\0B\C5)\8B\E1\C4\9Bu\AB\AA\EC\9A\DB\C4K\9Fx\B3N\D5\B5\921yXAF\1BE&lt;8\8C\C6\1A\A5:\FBK\873A\E7&amp;\DBww\B5\FD\B9\D2\87\82l\ED\F9\DD|7\0F\85\98\BD\BD\CE\E9j\01\CF\DD\B0\F8\A7\B6\BC\95\B3\0Fz7\0F\05\C3\97\19&amp;{\B9\D7\D9\7F\A2\AA\AA\1D_\0F\9C\8D\B7D\8D\C4\E52\1F\8B\AC/b[u\A6\1F\AC\C9\D3\CF2\12W\8B{\CCi\AE\C1gR\A9=\08\E2[V\E8\9F\8B\A2\04\9A\F6\BB\88\B3K\CB\8A~\A7\9A\B6\FB1\FB\E1\E5L\A2\9ED\AEE\D1Y\BB\8C\0E\D6E\D1\85\91&amp;bR\A1\9Fl\8B\C2\A7\D7\CB\8FT\9E\A9[\B9\0C3\10\B3Qn{&gt;\D8\CC\96u\8A\82\F8\96\E7#,\FB\8E&lt;\98E\CC\16\FA\86\B5\84\A2\A8'\91kQ\94\EC\DC \E1""\11\93\F3\B1l\8B\05\F7O\D3\EB\E5G*\C7\E1f\F9\AA\98\8Dr\DB\F3\C1t\12:}\10\F1-\CF\C7\B2\EF\E8\83Y\C4\B1\FC\B8Z[\DF\03\CBA\D4\93\C8\B5(:?\F7X\9C\84\8BDL\CE\07\D9\16\96O\AF\97\B3\BAy8\DC,_\86\19\88\D9(7\ED\80\B4\04\ADP'\A1\03\12\11\AB\E8\80\C4\1E\CC""\8E\D6\FE\B0m\F7=\CB\09\A2\9ED\AEE\D1\F9\B9G+\E2""\11K\1D\90B\8A|z\BD\FCH\E5\D1\927\C22\CC@\CCF\</w:t>
            </w:r>
            <w:r w:rsidRPr="00910B4C">
              <w:lastRenderedPageBreak/>
              <w:t>D1BRW\F5\D2\14l|\0E\196.\17\FC\F2\9C\DFg\F2\E5\8E\CD\94\B51\AA\C6\F9UP\A5\14\11U\AC\0B\BA`\05\8F\81|^\17yRq^K\96\15%r%\8A.\8F&gt;\19\FA\E8\BD '\0D{\E8\D6\88|\82\BD\FC</w:t>
            </w:r>
          </w:p>
        </w:tc>
      </w:tr>
      <w:tr w:rsidR="009F1CC8" w14:paraId="19E87820" w14:textId="77777777" w:rsidTr="009F1CC8">
        <w:tc>
          <w:tcPr>
            <w:tcW w:w="1418" w:type="dxa"/>
          </w:tcPr>
          <w:p w14:paraId="0A4F3130" w14:textId="26B204CB"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1B1EA27B" w14:textId="2F78C7DA"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014C0A53" w14:textId="4797CF0F"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5D34CA1F" w14:textId="25EF5CA0"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4D3AFB67" w14:textId="6AC1285C"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6ACB722F" w14:textId="2CB4D649" w:rsidR="009F1CC8" w:rsidRDefault="009F1CC8" w:rsidP="009F1CC8">
            <w:pPr>
              <w:rPr>
                <w:rFonts w:hint="eastAsia"/>
              </w:rPr>
            </w:pPr>
            <w:r w:rsidRPr="00910B4C">
              <w:t>\DE\88k\AE\0Eg\12q\12\B9\16\A0\F3\BC{\13\C8\BC{A|\C6\89H\E9\B2\C8\BC{\BD\FCD\E5\9Ez\8E\96f\06b\D6\CA}\F7\07\EB\D92NQ\10\DFs\7F\84e\DD\91\89Y\C4l\A0\EF\063\D6q\93p\12\B9\16\A0d\E5z\89\17\89\98\EC\0F\B2,\0A\EF^/?Q967\CBW\C5\AC\95\FB\EE\0F\86i\19\A7$\88\EF\B9?\C8\BA#\13\B3\88]\82\1F\B6\EC\BE\87\96\83\88\93\C8\B5\00\9D\E7\DDU]F\E0E""&amp;\FBcY\16`x\F7z\F9\89\CA\1D\D5\98\96f\06b\D6\CA=\F7\87]r\12\10\D32NY\10\DFs\7F,z\0B\9D\18"".\F6\87-\BB\EF\19N\10qR\B9\12\A0\CB\BC\17#\F2b1\C2\FEX\96E\88\BC{\BD\FC\C4\E4\85\ACx\D2\CC@L[\D1\E2^\A8\F0\D2\94\F9\F0\D5\C6j\09\DB\C9+x6\D9\83\C9\AF\D5\08\8Eo\AF/\C6\BFm\1B\A3\ED\F3\B1J)""\ABX\17t\D1\0An\03y\BF.\F2\A0b\BF\96,\03%r%@\97\A9\0Fl\EA\BD _\98\85-\8D\C8;\D8\CBOLN]\18\B4\9D\91\1C\14\92\8B\F5e\13c\9C\FE\9Cw\9B&lt;\A5\81_\DD@QW|3\86\0A\D5\19\0C\C87P\CD\16\0E\9F\9D\FC\80\98\1C\94\FC\EA\80)#\BFR\06\9CRtq\0A\10\AB\83\02\A5r%@\A3L~"").\E4\C7\96\86\E5\1D\EC\E5'&amp;\A7$G\DB\19\C9i;Z\C8\0F\F1\B9\12\A7\C8\02\E4\0D\D8\80q\B2\0B\F9y\F3\FA\E2\93;T\05\EB\CD\16MD\E8\EA\99\E6\8A=\0F+\87m\82U\95_\EC\C0m\\\9E\12\D1Z\A8U\8D\B5\AFu\9Cwu\9C\ED\01J\1D\ED\FD\94\AC\94\CA\FE\15\93k\F2ggtO\CC\18\CA\E8\C0\B1\DE\9F\D1\81\B8\918QF]\E6\A7wN\04J\E5J\802\0B\96L}\14\E4\0B\A3\D3\A5A-e\BF\C4\D3\99\8DK\E5\D4$\06n\90\8Br\8D\B62\E2K\C1\19\EB;c\D9\EEb|\1A\CBd\89\89\BE6\\*^\17\BB\F8\81s\8B\CAU\A8a~\E0-\A4r%@\99\11K\A6\1E\04\F9\C2.liD\DE\C1^~br\AA\17zn\94\8Br\8D\C6\B2\F7y\131k\15\D4\1B\CB&gt;\FAj,\87\92\C3\D3X\16v@\D3\B</w:t>
            </w:r>
            <w:r w:rsidRPr="00910B4C">
              <w:lastRenderedPageBreak/>
              <w:t>3e\07\88\1E\C4;oU\99S\949\E0b\91]\9AT\AE\04h\90\C9O$EB~tiX\DE\C1^~brFr\DC(\17\E5\1A\8De\C4W\B5\A9)\FB\B51\E5\9Cw\BA\D2\F0L\AA\06r\C1\BB\A2\9D\81|\F8\D9\D7\F0W\A0\DA0rA\98C\C8\93!\0C\AF#cYSG\AA\BA\EDr=\F1\A1\EB\88\87\A0k\CC\93\ADP\C18\C9\7F\E2vO\17\C4 \ACb\E5\88\DA""W\12Q\0B\84\9D\A9&lt;\E9\08Te\19(\91+\01\BAL}\1AD\D4\D2JD-\0C""ja\10QKd\D9\D3vF\F2\A0&lt;\A2\D6\B8 *\11F\AD\11\B56\B5\80_n\FC\F4\115J~,\DCa\95E\D48\A7\14]\9C""G\CExDM\09\D0(\93\9FH\8ArD-8\DE\C1^\CE#j\94\E4h;#yp\FA\C8\8FF\D4B=\D0B\B5\1A`\BE_\94\86W/\85\EBf\81\7F\DC\DF\BC0\F8\EE\9BkBS\1F\FA]\7F\F32i\BE\092\BD\F3&gt;\DD\A7vES\A2e~B\AB\CC\15M\F9\8B\CA\936W4\03J\E4I\9B+:\0D\\\D1i\C5\15\1D\06\AE\E80pESB\F5\\\9B\15\E5A\B9+Z\B9\96I]\D1O-\F3""\1C\F8#\AD\EC\8A\D6A~\03\CB\D5k\B3\\e\973wE'm\AE\E84pE\A7\15W4\D52\99\CB\D9\D1M2 9\AE\CD\8Ar\8DZ&amp;uE\7FT\CB\0C\EF}\A2\E5\C3\AA\E1\87\DE\82\D9\FE\B8\96ok\99y\F8\EE\C6\D3\B5\B9,\FE\81k3ism\A6\81k\B3hsm\A6\81k\B3hsm\96\81k\B3\AC\B86\D3\C0\B5\99\06\AEM\9AEE\DB\19\C9\93J\D7&amp;\FA\0B\FD\94\CD\99a\03\A1\9A\FB\E1\92\FF\10\00CS\98\05\A1\EE\E9X\1B\CB&amp;\86\8CX[\D8\CD\DB\B1\9F\DE\CD\99\06n\CE\A4\CD\CD\99\06n\CE\A2\CD\CD\99\06n\CE\A2\CD\CDY\06n\CE\B2\E2\E6L\037g\1A\B89)\E1\D1vF\F2\A4\DC\CD\99\F2&amp;\15\87\0FD^_\A4\0F\AFg^\A1\97\08\94\E6\E47\E0\DD\C1\A8J*p\BE\8EsNS\80\AA\1Bgp\18\A3\B7\AAR\0B\\\88\150\E6\9E\F4\80\F3^\D7\D5\8C\E8+T;=\D7\D7.\83m\F4u\F5\EE\C2\F1\F5yB\B6N\CA\81\7F:i\F3O\A7\81\7F\BAh\F3O\A7\81\7F\BAh\F3O\97\81\7F\BA\AC\F8\A7\D3\C0?\9D\06\FEiz\12zn\92\88\F2\A4\D2?\8DN\DF4\BD\9B\FC@\A6\82\8F\B9\C2\AEv[z\9A\0A\C2n`\0E\CB\81\AF:i\F3U\A7\81\AF\BAh\F3U\A7\81\AF\BAh\F3U\97\81\AF\BA\A</w:t>
            </w:r>
            <w:r w:rsidRPr="00910B4C">
              <w:lastRenderedPageBreak/>
              <w:t>C\F8\AA)\112\9Ft\A4\9Bd@x\DC$\11\E5*\89\90\F8\AA\1BF1&gt;\1C\B4\A6M\B7P\0F\BAl\18\9A6\DD\1D/N\95\9E\1D\AA\A6\E0\8A\9F\DE\84m\A0z\FB\F6\A6\EF\0C\0CP\A6\EB\E56\CAg\E0\0B\C4\83\AEt\FFP\17C\8E\D2\A1m\82\B2uK\B2\E4\DBu+\DF\81Ww\B9""\9A\DA\85\14\8C\F3\02K\E8\BA\\\11\AD\ADP\01+\06\B5PC\D8\D7\D1</w:t>
            </w:r>
          </w:p>
        </w:tc>
      </w:tr>
      <w:tr w:rsidR="009F1CC8" w14:paraId="581B2076" w14:textId="77777777" w:rsidTr="009F1CC8">
        <w:tc>
          <w:tcPr>
            <w:tcW w:w="1418" w:type="dxa"/>
          </w:tcPr>
          <w:p w14:paraId="065531A1" w14:textId="2CD60F14"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0D5DA457" w14:textId="0F364125"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5C764F95" w14:textId="2F6DD540"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41D7E6E3" w14:textId="239AC38E"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12C1718D" w14:textId="034CE71F"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222DF4F5" w14:textId="308D6C7D" w:rsidR="009F1CC8" w:rsidRDefault="009F1CC8" w:rsidP="009F1CC8">
            <w:pPr>
              <w:rPr>
                <w:rFonts w:hint="eastAsia"/>
              </w:rPr>
            </w:pPr>
            <w:r w:rsidRPr="00910B4C">
              <w:t>\DFV\E7}\AA\C5?\D9\F1\C9\91\CF\17\EF\FA\C6[\DE\A2\929\02\D0t\C2\FA\07\B3\EA\DE\D8\DF\F0\BD\97w\C87\FC?B\F7\F3\A9\E8\97;\F6~\11\A7n\90\1A\EF\FBW\1F\B8\FF\81\B9\9B\BC9\8F\A4t\DD\F8\A9\E0m\B9\87v\BF\BF\17\0E\CEV6\DF\B3\93\CF\FF\F6$\B3\F7\DDP\BE\9A4\80\9D\8F\FE\8F&lt;\A2\CE\7F\1F\04\EE\BC\EF\9B\E79\AFz\93\1E\F2oS\BFKg\F3\FB\CC\EB&amp;&lt;\00^\B13\C3;&gt;\B5\BE\92{P\BF\F1\ECK\9C\EF\F9\CA\CB7\9F\CF\03m\FEo\88p\97\FC\15\EF8\FC\F3\C1\A6\CF\E1n\DB}\83\12\ED\D5\AF\D9\BE\E3v\AF\0B\BC\E34\F3\96\F2#{2\0Dx\D6w00\97\9D\B5\DC~\DF\F9\F3\E8\9D\1B\E4=\0E\A9\1B\CFW\F2'd\7F\C47\B0&lt;\9F&gt;\CBi-\A7\F7G\FC\DCt/\9CW\F2JI\8B\03\E7^N|\BF\95\ED]\F6\BF\E6~\F9\97\9Bn8&lt;\E5\91\D5Cv\F7\F3{\86\EC\FB\E4\EF\03\99Ww\FF^\DF\0D\BD\DD\E5;E\E4\11\B4\12\EE.\1C\0E\DE\D9\C9\C3\9D\DB\F4\E6\D3\A3\E1\EE\CD\EF\09&lt;\A4\BF\01:\FAN\BF\C3\DE\F77@\EF\B8\C7\BB\AC\F7\CD\BA\BB\FD%\91{\F3\EB\00\DF\F6\DF\00\F5\D6r\DE\BD\0E=\9C\BF\08\F2h\FFz\C4\9D\BB;\FB\BD\09o-\CFo\80\1E\BA\F37\B4n\FC\A5\E7\87\C1\DD\FD\EFMx\7F\03\F4.x\C5\EA&gt;|\BC\BA\BB\DF\00e\CE\FB\1B\A0\C7\EE\FC\B7\BF\B0\EE\D7\F2]\DD\F7\D2\DD\BD\95\F5\FE\06\E8\DD\C9\95\F3a&lt;[\DDe\BD{\F2\AD\D1\F7\EB\BB\A7\BF\0E\E7^\C5\BE]\1E\BFg;\E9K\CB~\85\DF\C7\B9O\BF\AB\F35:w\1Ciq\B7\E9\9A~\BD\87|k\BEA\E8\FE9\F7O\EF\A0\ECW\F8\AE\FB\87\D9N\C9\EE\CE\BE\EB\DE\FB\FD\EDwsf\A8\F8\EA\DFd\FE\CD\BA\DB\FF\FEv,C\F9\F7\B7\DF\0D\AFX\DD\87Z\B6\DCI\DE\FF\B8k\B1V_\E2\FC~\CFk\06iq_\EAnw\1Fd\BF\</w:t>
            </w:r>
            <w:r w:rsidRPr="00910B4C">
              <w:lastRenderedPageBreak/>
              <w:t>A1\D0x\ED.\CF\ED\D7\BE-:\E8\FEn\8B\0E\DE\8Ds\7Fr\B3\9C\C6\0F\DC\07\EF\F6\BBXY]\FEn\CA\ECo\C7g\14\F8\E6\E4,\08[C$\8C\A7=|o\11}\0D\8E\BF{s\A0\F9\EF\1C\B87\FF\F9\E7\FE\96\FC\062\FB\16\0B\F7F\FC&gt;\8B\F5\DEo*\1A\EC\FE\0Diq78\F7ynQ\E4\EF\DA\B2\05~OQ\E3f\B0;w\F7\FD\0C\E7Y]\DEz\AE\FF\7FX=\AC\0E\DF?\1A\0F\\\F9\05\E3\92\FF\F73\DC\9Bo\06\BD_\DF/\FAu\BB\87\F3\FBE\BF\19\C7\BF_\F4\CC\C3\F5\FD\A2\DF\8C\E3\D6\FC\0C\FBv5\EF\FFeln9\A5\DE\D2\C9\16\EA\D1|\1B\FE6\1D\FF&gt;\99\15\EE\17\00\FF\04\BFuk)!7~W\18\EC\97w\BA\93%\BB\FDb\E4\E1w\F2[\F17\FD\AE\B0\AF\F2\FDWM\F5\EE\EF\B7a}}\0E\DF\05l\B1O\B7\E1\B8\0Enjy\1B\F7v\9C\EF\B7\E06\F3?\17]\E0\EC}w\EF@\BE\85u=\E7\F6\B7\C8\B7\D9\09\E4$Q\103\89&amp;\EDI\02\D8\E6.\A4\1B\E9ARI/\92C\86\91\91d\14\19MJ\C8x\F2#\B2\81\FC\92\FC\9Al%\DB\C9\9Bd\0F\D9K\F6\91\8F\05*(\05Q\D0\0B6!Bh%\B4\16:\0AqB'a\B9\F0\86\F0\A6\F0'\E1\AF\C2\DB\C2Q\E1=\E1\EF\C2\FB\C2?\84O\85\CF\84+\C2\7F\84\FF\0A\9FSB\05\AA\A2ATC\83i\08\D5R\1D\15\A9\9EZh8\8D\A0\0E\DA\8AF\D38\1AO\13hg\9ADSh\17\DA\8Dv\A7=h*\EDI{\D1\DE\B4\0F\EDK\FB\D14\9AN\FB\D3\0C\9AI\B3\E8\00\9AMs\E8@:\88\E6\D2\C14\8F\0E\A1\F9\F41Z@\87\D2B:\8C\0E\A7#h\11\1DIG\D1\C7\E9h:\86\8E\A5O\D0q\B4\98\96\D2rZA'\D2'i\15\9DD\ABi\0D\AD\A5S\E8T:\8D\CE\A3\F3\C5\19\E2l\F1Y\F1yq\A1\F8\82\F8\A2\B8D\\*\FE@\\)\FEP\\%\FEH\\-n\11\7F-n\15\7F#\FEU&lt;,\9E\10\DF\13O\8Ag\C4\0F\C4\0F\C5\8F\C4\0B\E2'\E2E\F1S\F1\92\F8o\F1\B2xU\FC\\\FCBl\94\A8\A4\94TR\B0\A4\95DI\92\F4\92Q2I\E1\92U\B2I\11\92C\8A\94ZI\D1R[\A9\9D\14+u\90:JqR')^J\90\12\A5\CER\8A\D4]J\95zJ\BD\A4\DER\1F\A9\AF\D4O\EA/eHY\D2\00)[\1AH(\D9\0D\EB\A7\80u4\83\A7\B0\8E\D1\10k\0F^\09\EB\99@T\B0\A6\C9D\0D\EB\DA\85\04\C1\DAv#\1AX\DF\1E$\18\D68\95\84\C0:\F7""ZX\EB\1C\A2\83\F5\1EFD\\s\09V}4`\B6\F2zX\FB\1F\11\03\AE\</w:t>
            </w:r>
            <w:r w:rsidRPr="00910B4C">
              <w:lastRenderedPageBreak/>
              <w:t>BF\1E$\E0\D7$\14\A4`+1\82$l'&amp;\94\063\C8\C3^\C8\DD\07^O&gt;\06o\02\D9\A0D\0F\F2\A1\04,\0A""\09\039\D1\03\B6\096b\01y\89\00\DCJhE\C2AnZ\03\EE(t$V\90\9F8b\03\19\EAD\EC G\CB\A1\EE\1B\C2\1BP\EBM\E1M(\FF'\E1OP\F2\AF\C2_\A1\FD\B7\85\B7\01\1F\15\8EB\99\F7\84\F7\80\FE\BB\F0w\C0\EF\0B\EF\03\FE\87\F0\0F\C0\9F\0A\9F\92\08\90\BB\CF\A0\CD</w:t>
            </w:r>
          </w:p>
        </w:tc>
      </w:tr>
      <w:tr w:rsidR="009F1CC8" w14:paraId="2B18D9EF" w14:textId="77777777" w:rsidTr="009F1CC8">
        <w:tc>
          <w:tcPr>
            <w:tcW w:w="1418" w:type="dxa"/>
          </w:tcPr>
          <w:p w14:paraId="23B93752" w14:textId="3322D38D"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138C0036" w14:textId="384B3D25"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7CF0CCAA" w14:textId="397586B7"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3CE886AD" w14:textId="6CBDF5E4"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3F836A7F" w14:textId="4E8F1CBF"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2F996733" w14:textId="3C87B334" w:rsidR="009F1CC8" w:rsidRDefault="009F1CC8" w:rsidP="009F1CC8">
            <w:pPr>
              <w:rPr>
                <w:rFonts w:hint="eastAsia"/>
              </w:rPr>
            </w:pPr>
            <w:r w:rsidRPr="00910B4C">
              <w:t>\E3%i\B9\F1*@\A3I)mA\08\91v1\906\9A\0C\08\DBM\16\84\BD&amp;\07\02\E7\8B)J:\80\10+\16!\C4\03\CD \05h\80\C0}\C7\04\F6\C8\E4\B1K\A9M\F37\F5\D3\1D7\F5\13\CF6\F1\CD\94\85\D0\14\CFe\E0-_\00\E5\19\14A{\0C\C6\EAV!\94\8A\EB\10&amp;\8AJS\ADi\8Ai&amp;\84sLSBO\EA\CE\9B\E6\EB\AE\9A\16\8B\A5\0C0\BE\0C\E2 \0B\0CBO\9AV\EB.\99\D6\E9\16\99600m\16c\11\B6q\D8\19z\DD\B4\C7\A81\ED\87\F0-\A3\C6g\\G\19x\C7\05\B6\85\817\0E\E7\03\84\B3\D2\12\D3\05\80\CB@_f\E7 \D35\DD%3\D1-2\AB\19x\D6\C9\9B\BF\DB\AC\D3\1D2\1BuG\CCV\DD\11\C3Ys\A4\EE\BC9Zw\D5\DCA,EH\84xW8\1F\C1\\\18\98{A&lt;\1D\E2^\F9\F6?'\F9\C8\E7j\067\9C7\BC\F6\18\EC3\80Tg\CEF\98\05\F4\\\80\80u4\E7I[\10\0A\A5]\0C\F4\C3\CD\A3\F4\A3\F5\12\9C\D5J\19x\E2\1E\FB%\EE7\8Fc\E0\B19\E6rs\15\03vN\00=\1A\CB\C0S\D7\\g\9E\C6@\BCl\9E\85p\CD&lt;\97A\E0\99\D2\BC\C0\BC\04a\B9n\07\83\A63\93y\A5\D4\D5\BCFZ`^\CF\00x\B8\91\81y\8B8\16a;\F4\C1`\8Bn\1E\C2v\DDR\84]\E2|\84\BDb\11\C2\01h\97\C1a\E0\ED1\F3I\F3\19\A8\03\10\B8\B7\E1Y\07\C0s\16\F3\D8j\CFY\CA|N\0B'|\E2V\99\89 H\CA\CF\81\BEH\DA\00\BE\A6Z\C4RX:\A4&lt;\C1\CA(\CF\03~Sy\8C\A5`\FAgX\CB\A9\B4\03}X\DD\8Ea\D5\1C\C0\EF\AB\AE\B1\92\04\EE$$RY\06\B8\97\B2;\E0X\C4f\C4\84\E3x\C4P\C6}\9A\0Cb4~^C\C8\16\86\D5q\88\AD\0C\AB0\17GHT\AB\B1\CCrL9\8F)f\A4OC;\9F</w:t>
            </w:r>
            <w:r w:rsidRPr="00910B4C">
              <w:lastRenderedPageBreak/>
              <w:t>B\CF\82{5\B6\FC\B92\0A\E72\0D\C6\A9\C42\D7p.?`u\F1WeX;\9D\18\86z\8C\C6^\14'\01O\83\FB\1FK?\84\E9\7F\83\16*\95\C0\19\E1}\AC\B5E\F1+\86\DD\99D\A0v\E5&amp;H\EF\E0~\9EqFy\98\E1\C6\D6\90\B2J\F9c\A0\CF5\1A\91\86[\B6\B0V\F9?P\BE\A8q\0C\E0\0Ej\15\E0e\EEXH\9F\A9\84\D6h\95\FB\BF@oc\B4\10\A7\FA\09+\8F)q\EA\05\80W(6\03&gt;\EAN\00\BCH1\09\F0\BE\C6\9F\B11\A8\FF\0F\D7h)\1B3\A3\858\F2\1D\96\1E\14\CBR\18\16\8E*?f-4\FE\13\CB\B3\F4\8Bn%\96\8F\C5Y(Y\AE\AA-kY\B9\86\A5\A8\FE\8Ae\FE\8B\F3\FA1\D2\AD0\FD\15\A4\19\7F&gt;R\FF\10r\9F`e\A8]\95\0E\F4\1A\D2\05\CB\1C\C2\94\CF\B0\AF\A7\D9|\DD\19\88Yk\ABT#\D9\BCT\EC\99\C3;\AAH\A0\17b\ADw\D4C\18O\94\E3\18f\B9t\B9r\00\11\94\A9\EE\F5lFJ\D6\D7ZV\128\F3=\CC}\06\E8\0A\E5D""(\B2\DDO#\FD\06\F2\8A\F1\F9\14\F6eW29&lt;\F9\C5Q\E4?\93\CFsH\C7)\7F\83+\95\CD\CA\A8\C7\E0\A8^\C6\96_F\D9f\BD\CFV\0E\04\1C\C4\DA!\17\D5ZL\FF\07+\83-\9FSM\05\\\D7\F8\09\E6""?\D5:(/\AA\FA3,\AF\9A\EA\EF\80_c)\C2k\EEQX\E6\05\A0\87(\FE\0Ce\14\EE\19\8C\E7\CA\1E\B8\A6\AC\FC\C7\AAr\86\1B/c_\8B\D9h\95\C5\90\12C\98~}\A4b\12\15\A5\02\FE\08c\89\81a\94\C6\15\EE\10h-O\89\AB\C9h2\ADq/\B6\F0\1C\E2Vl\B4\CA\D9(\0F}Q\1E\FA""\DD\0B\E9^\B8\9AV\94\01+\B6\B3\97aU\19\CA\DBQ\94\B4yl5\D5\ABq5O \ADDz&amp;\CA\C6J\94\F6\14\B6\FA\EE}\D8\DA""\CC\ED\87\B9*\CC\0DC\0Eo\C5ugx\15\E6\AEe\18t\E1\08\E2ZL\8FB\1A\CA\93\0F\83\C6\E0L\D9\8A/dm\02n\CFR\18\06ia-\FC\89\D5%\EF\04i\00oR\83\1D\13JQ\96\FE\80\F4d\AC{\01\C7\DCA\B5\90\E9Z\E3\EF\11\83\8EPG\E3G\98\BE\185q0J\05\D8\16\FAV\E3\BF\10\B7\C6\15\\\C4\A4\EB\0B&amp;\81\15\AA|&amp;K\D8\D79\E4\C0Eu\05b\A4qT\17Uo\E2\DCY\EFqL\C7\85\0A\86A\CB\B6\A1\CC\</w:t>
            </w:r>
            <w:r w:rsidRPr="00910B4C">
              <w:lastRenderedPageBreak/>
              <w:t>A4\01\DE\C8\DA\04&gt;\BF\03\B2\1D\8F\EB\BEVe\82^t\A8G\A2\BA\06\DB\84q\0A\7F\0D\CA@\9A\C9\D8\FB\8D\CC\FE\AC\C5Q\CDT\E52+\81x\A6\AA\1E\E9z\\\D3p\A0\FB\B9\F7\A0\DD0\A0\AC\1A0\E5\18\D6\AD\C5Q\D5b\AD\EFa\AD\EF\B1\F6\83F#f\A3\ED\86\A3}\DA\ADfr\C8\B4O\F8X\CDV\F3\E9F7\D2\FD\D8\DC\19\C7\84\18n\01\86\03\1D\C2\E4Y\C8r\BF\C70\93\1F\C0\E7Q\8A\DA!~\81au{\9C\F5?1\05,?5\B2\FD\02d\8C\D9\B1\A3\CC\8E\81.\FC\14\E5\ED=\E4\E4$,\D9\1E\CB\\@\0E\F7CYB\D9v\BB\D8x\14\AF\01\FEe#X'ZL\9Fc\F4\17?\C1\91\97\B0\14E\14\AE\DD\17\A8\E3\ADq\C5\FF\85|`\EB\ABh\\\C0\D6\05m\F5\96\C6\E9\B8\FAV\\/\17\F2\E7\A7\C8\1F\86</w:t>
            </w:r>
          </w:p>
        </w:tc>
      </w:tr>
      <w:tr w:rsidR="009F1CC8" w14:paraId="70030553" w14:textId="77777777" w:rsidTr="009F1CC8">
        <w:tc>
          <w:tcPr>
            <w:tcW w:w="1418" w:type="dxa"/>
          </w:tcPr>
          <w:p w14:paraId="736D6775" w14:textId="464D2516"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4726F834" w14:textId="634E9B09"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3D0CB0BE" w14:textId="599E8554"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2AE5384D" w14:textId="316DD849"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36AD9C31" w14:textId="5E0F2A28"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3D4DE2CF" w14:textId="3CF2A9C8" w:rsidR="009F1CC8" w:rsidRDefault="009F1CC8" w:rsidP="009F1CC8">
            <w:pPr>
              <w:rPr>
                <w:rFonts w:hint="eastAsia"/>
              </w:rPr>
            </w:pPr>
            <w:r w:rsidRPr="00910B4C">
              <w:t>\EE\91V04\8Fh\8A\9B\1F\AF\D9Y#,\AEYU\B3\AEfC\CD\835r:\DA\FAxpgP\98\19\\\1C\\\15\\\17\DC\10|0\A8\A2\09\E76m\8E\D7l\08\FE5(\AE\C0\9EH\96#\1A\EAYqW\A0\8F\7Ftw\F9\0Az#\CB\B0t9-\9Av\CDj\8Dh\D6\F851M\\3Q#/\16W\89\EBD\D1'\96\88\B5\E2\04q\A6(\A3\1A\D5\A5\AE.C/&gt;RU]\B6^\B7Q\97\D0m\D3\ED\D2\C9\09\D56\D5.\D5\1E\D5~\95\ECW\C5Tq\D5DU\8B\AA]\B5Z\B5^\B5Q\A5Y\AFZ\AF\16Zt\ED\BA\D5:\D1\AC\F3\EBb\BA\B8n\A2N\F6\A9\09\E0\BD-CG\EBh\C5\0Ao\DC\ACV\D5\FBt\DAz\9F(\D4\FB4J\BD\8FV_stEtDS]\10f\A3~LP\97/\02\1B\BA\10\BA2t\93\D1\C9\F0\DF(_D\F7\0E\BA\BF\A3\93\E0\0A\947\A2\BB\1B]7\8D\11\8B\C4\A2\06\D7\C2zZ\07\CDQ\CA\A4.\B1\B4;VQ:$\89~\EB\BC\B4?yz\DAo83\ED\D7\D4\95\BA\D0\EF\AA-\D3\D6\99PU'\B0\15\E5\D3\E8^G\F7\11\BA\7F\A1\93\C5R\B1\94\9D|Ez\0C6/\83eQ\82\B7\05\B8\B3\9C\8Ae\D1\E5$\8A\01B\FB\CE\F2e\D1(PG\87+\F6'\CC\1A%G\8Eb \CBV\C0\B2e\80\BD\0B=\CC\C4b\97\D1\C3VP\FF\100\01X~\F9\06\00y\1C\F8\D0e\B2U\1D\A4\DEF\B7\17\DD\07=cS\07\E4\0B \D4s~j\8FH\FF\DD\FDW\BD\8E~%\F9\16\D8\009\B0\9F\0C\82'a\1BNP\F7\A2\0E7\11n\8</w:t>
            </w:r>
            <w:r w:rsidRPr="00910B4C">
              <w:lastRenderedPageBreak/>
              <w:t>2Q\B0\13\1E\04#\\Lv`}\86Pu\BA\0F\F9\CF\87\D3\D9Hp\12\19n\87\D7\E0\\X\0A\EF\C2\1E\\i7\C2[\C4\8A\E7i\80v\\aV\A5&gt;D\D9\08W\A7\B6`.-\8C\80_\C3V\D2F&amp;C\09\86G\0B\85X\17aX\97\DA\06N\C8K=\9Bz\15\F7~\0C\EF\92\9CT'\8C\C6\D0{`\C1u\C4*\F8\01.\BD\CF\87\A7S\07\B0\A490\0B~N.%\1F\A2\D2\D8\02\D7J\E5RG\EA\02\18\0A\9B\E0\0F\A4\11C\E3\E1b\F9U\CD&amp;T{~\00w\13'\D9\96\DA\9Dz\1F\1EC%a.\9E\E9\FBp5\96\B8\0B\B6\09\C5\E2\08y#\F8!\02g\C0\99\D0\8A\A9\DF\85\D7\88\8D\0C\12\E3\A9\DC\D4\F0\D4\ED\18\FBs\F8D\88\0A\BF\15\D5X\8E(\8C\81\99p=\FC\04k\E3e\D8\8B:\8E\8ET\A0\EAv?n\CF\93\BF\C8\AFb\D9\1Aa\05\\\02\AB\B1\E4\F7\E2\B1\0F\C0\162\88\0C\12\9C\A8\F8\0A@\BF\A3:\15\D3\D6\C1=x\FDn\D8E\1AI3\D9F\9E\10\EF\91c=\B5\A9\8C\94=\F5~*\05\05\D0\84%\DC\00O\E05&gt;%1\CC\83W\10\83\E2r)[Z.\97\1E\BC\1C\EFp\0E\DC\09\BB\E0y,\C7[X\EF\FF\80/H\01no\0B\DF\13V\A5\CEN\DD\97z\17\CB\A2\A0R4\04\CE\82\E9\B0\18V\C2w\E0\A7\D8\AAO\C2o\E0o\E4KA\839wJO\C9\97\C8\FBS?\C4\BA\8D\C0p,\FB\04\CC=\19\CF}-\B6R\17$q{\19\EF\D2B\FCx\17C\C8\99d\12\99O\D6\91[H\92\BCF^\13TB\00\A7\FE\8F\C4\84\B8C|S\AA\94\E5T5\9E\C9AW\FF\D8K\CE\86\05\D8\02\DF\C3\DA\FE!\DE\EF}\F0\14l'v\12!ExG/\E3\F1\9F\09C\85z\DC\EE\16v\0Ao\89k\C4u\D2\01\F9\AA\9E==\1F\F7|\99\EA\005{:\DB\84\B5\F9K\AC\85\BF\12\07\96!\9F\9CO\96\91w\B0\E4\EB\85\87D\A3h\16Cb\85X'N\11\9B\C5\AB\C5\9B\C4\DF\8B\CFIK\A5\FB\A5\D7\E51r\AB|\BF\BA\B5\E7\C2\9E\E7S\8D\A9+\99\DA\A5\C2r\E5B!\94\C3`\EC?\F3\B07]\80\E5k\C7m)\\\0A\97C\07\DC\80\FD\E5\87\B0\11\15\F9$&lt;\0E\DB\E1\0F\F0G\F83\B6\00\90\00\96y!^}\11\F6\BA5\E4\06\DCn'\0F\90'\C8Sd;y\9B|F7!\88[\9EP)\D4\0A#\84\91\C2|a\0Dn7\09\BB\84\97\85\0F\C4Lq6\B2\E8j\DC\EE\127\8B\AF\E1\AC#I)\B9\14\B7\D1\F2\B5\F2\CFU;\D4y\EA\D1\EAY\CA3</w:t>
            </w:r>
            <w:r w:rsidRPr="00910B4C">
              <w:lastRenderedPageBreak/>
              <w:t>\07\F6\1D,8\D8|\F0\AD\1E\E8\F1\F4\9C\D3sK\CF\13=\EF\A7\A6\A5.\C6\F2\87\A1\08\8A\B1\A4k\B1\94\B7c\1F\BC\07\B7_bO\DC\0C\BF\85g\E0\15V\D6O\88@d\EC\F1.\12\C2\DEP\88\ADVKF\A1\EA4\86\8C'g\E16\15\B7\B3\C9t\DCZ\C9,\B2\00\B7Ud5\F9&gt;\B9\82\\I\AE'7\B3\ED6\BC\B7{\C8/\C8f\DC\1E&amp;[q\FB\03\D9M\DE#\1F\91O\04\EC\C4\82\88\BD9,\E4\0A%B\15\DE\E9\08a\940A\98\84\DB|a1n\ED\C2Ra%\B6\D0\CF\85na\8B\F0\B2h\13\C3\C8\B7\AD\E2\12\F1v\F1\D7\E2\93\E2K\E2?%A*\94J\A4\1Ai\9A4_\BAB\DA)=/\BD*})\FB\E4\06y\81|\97\FC\A4\CA\AB*WMU\9D\AF\BAM\F5\A0\EA\03\D5\01\B5J=\11\B5\F0K\D5/\A9SJ\18\D9\EAwx\DF\9B\8Ex\E2]\A2\DAI\96\C9\19\D2E\C2n\1C\17.\B1]^K\A6b</w:t>
            </w:r>
          </w:p>
        </w:tc>
      </w:tr>
      <w:tr w:rsidR="009F1CC8" w14:paraId="3ADFFE81" w14:textId="77777777" w:rsidTr="009F1CC8">
        <w:tc>
          <w:tcPr>
            <w:tcW w:w="1418" w:type="dxa"/>
          </w:tcPr>
          <w:p w14:paraId="3EF03118" w14:textId="168DE503"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1F984DF2" w14:textId="06D11EDF"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30F309CB" w14:textId="1F99F86D"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76CB7228" w14:textId="70DC35E7"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75E75852" w14:textId="4B0CC39F"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4734424A" w14:textId="446839F8" w:rsidR="009F1CC8" w:rsidRDefault="009F1CC8" w:rsidP="009F1CC8">
            <w:pPr>
              <w:rPr>
                <w:rFonts w:hint="eastAsia"/>
              </w:rPr>
            </w:pPr>
            <w:r w:rsidRPr="00910B4C">
              <w:t>\F1?\89\1F\99u}W\128?\F4\CDO\CB\18\F4\03\F3\AC\F9\9B\D2'\A9\1C-:1S\C5\BB_h\AF\89\FA\F4\8A\F5\BB\F2\B1\94\BF\1A5\CF\13\7F\C8\9D\E0\1D[U\B7?v\FF\00Se\B0\B7oq\BF\E6a\F4\15f\1B\BF\8C\17\92si\E0\FD-{\09Z\E6\E4\FEjTW?\E3\CF\DA&amp;]\06\E2\EE\CA\D3Im6Kk\D6\D3\E5\BD\D5Fc\12\E0\10UP\91\B4\A9\0C\1AGA\D3#\19+\D8|7\F1\06\B5\E2_\04]E.\A1\04\FE""\B2\BA\96\D2[\C9\AD\C7\94\D8}\D1\C9\B26\C1\0D\0B!\C2\B62H\0Cq\B8\E6\A4\A4\EDs\D5\AD\85\A9\86\A0\AB\BA\11\8C[V\BBrz\F5\EDe\D7E\BA\D0\CF\92\E3\E3\0D\BB\1D\B0\F8&gt;\FF\00\1F\C2\A9unO\E2Y\C5V\9B\E2\D7\8B|.\C3\FE\12\AF\87\D7\89l\0F7\BA\15\CA^\A6;\B7\97\C3\81\F8V\9F\C3\FB\EF\15\EB\9E$\F1\03k\1A\DD\AC\96\DAF\A0l\05\A5\96\9D\E4G8\F2!\90H\0BH\EE&gt;i\19q\922\95\C6|Z\FD\A0u_\02\EBw\9A^\9Bac|Vq\14R\CC\D3\A9\05`i\E4S\B6&amp;V$F\C8\00`CI\1Ep2\C0rQ\\\CD\D8\AA8Z\98\9CG\D5\A1F\13v\BB\B5\E3e\A7]\16\CF\B3=C\C1\7F\13\BC3\F1\026:&amp;\AB\0D\CC\E9\FE\B2\D5\F3\1C\F1\FA\86\8D\B0\C3\F2\AE\A6\BC\8E?\0B\F8c\E3\A6\98\9A\C4\9AE\D6\85\AA\C3\B7\C8\D5\EC\E4T\9D\1B\BE\C9\90\E1\F6\90T\83\90\085\1D\87\8E\FCC\F0\A7R\83H\F1\FC\8B\A8\E8\938\8A\CF\C5p\A6\D5\DCz%\CA\8F\B8\DF\EDt5j}^\DD\C</w:t>
            </w:r>
            <w:r w:rsidRPr="00910B4C">
              <w:lastRenderedPageBreak/>
              <w:t>F6\AE\062\94\A1B\EAkx;_\E4\D6\92\FC\1F\93=\82\8Alr,\B1\AB\A3\07F\19VS\90G\A8\A7V\A7\8C\15\E5\1F\14|W\A8k\DA\F4^\01\F0\DD\DF\D8\AF'\87\ED\1A\C6\AC\A7\8D6\D3\B9\CFA#\F4\1E\9D}\EB\BB\F1\BF\8A\AD\BC\0F\E1-W]\BB\FF\00Qc\03K\B7\BB\B7EQ\EEI\03\F1\AF\98|u\A6^\F8W\C0\BA3\EB\FAU\F6\BB{\E2y/5\FDz\C6\D0\90o\CC0\19!\D3\DF\BF\94\03\06e\1C\95\86Lg\90q\A9.T}\0EQ\84U\AA*\92\EFh\FA\A5v\F5\B2|\AB[7f\DAOK\9E\EF\F0\FF\00\C5?\0D\FC?\05\A7\84\BC3\E2\1D\14\CB\11dK8oci\A5pp\E4\F3\97}\C0\E7\BEk\C3\FE(x\A7Q\F1\07\8D5\BB\09\17V\D2\ECf\9E;\0B\CD\12\DE\F8\C7,s(\C5\B5\FC\B2\F2\90[\B3&lt;|)\F9\F6\A1&lt;\AB\8A\E4/\A3\BA\D6\E4\D4\F5\E4\D0.&lt;[\E0\CDq\A1\D3\A5\F0\FD\D1\FB&lt;\96wfT(\96\89\E5+$\8B\04\91\BCRF\142\EEi\0A\B0\C0\FAC\E0\E4P\FC@\F8?m\FF\00\09\04\09\AAMwo&gt;\8F}u0\CB\DF\C3\0C\B2\C2\AE\EC9;\D43px.\D8\AC\14\9DOwc\E8eJ\9EO'\8D\92s\E6i;\B5t\DE\AF\E6\AC\F7KU\16\A5\BD\B8_\89\7F\0D&lt;O\AC^\E9\BAl\FAm\9E\BA\DE""\B0\82=f\E6\DE\10\90C{lAY\D4HHP\EA\DBw0s\FB\94\C2\9C\15=\87\C3\7F\83z\DF\83-5\88e\F1E\C5\B1\D4E\B3,\96m\E7\CDn\D1+!\FD\E5\C2\B8|\A7\96\BFqTy\7F* !G\AAi\D6I\A6\E9\F6\B6q\BC\B2\C7o\12\C4\AF3\97v\0A\00\05\98\F2O\1C\93\D6\ACV\EA\94S\E6&gt;v\AEu\88\9D\0F\AB+r\F5\D3{5m\1D\D2\B2IYtG\03\A6\FC\1E\B1\B1\BE\BA\BC\9B^\F1\15\E4\F7S-\C4\DB\B5I!V\95p\03b-\98\18\00\15\1F)\EE\B5\E3\DF\10\BFg\AB\FBS}\E2\D6\13k\DA\CD\DD\C3Ks\A6i\AB*&lt;\AC\ED!E\12y\EA\04A\CC\05\F2\8Cv\C3\C6z\1F\A7\E8\A7*Q\92\B1\18\\\EB\1B\85\A9\ED#;\DE\C9\FAv\F2^\96z.\C7\C5&gt;=\D7\AE\FC;8\F0\CD\86\A3,\BE\17\D3\DD,\AD\E3\B5\90$\17\9A\9A\B7\98\DB\961\BC\C6\19\C1\9Bx)\B5Y\95\83\8CW\D1_\0A\F5\DDG\E2\B7\80nW\C5\9A-\B3\D8\CF\9Bu\9Fxx\B5\18\F1\87\90G\B4lP\D9Q\C9\07n\E5%J\B1\CE\F8\95\F0KK\D5\B5</w:t>
            </w:r>
            <w:r w:rsidRPr="00910B4C">
              <w:lastRenderedPageBreak/>
              <w:t>\06\F1\15\B4I\F6\9F:\DF\ED\D6\F7\13\B46\CDd\8EZdP\98\C3\1D\CC\FB\8E~a\D4\0A\E4\B5y\BCI\7F\A5\B6\A5\A6M&gt;\89\F0\EFK\DA\91\DD\E9B{K\E9-\08o6X\A2i$I\15&gt;B\19\D3s\86r\A3\85/\CF\18\CA\9C\9D\F6&gt;\A2\BD|6i\85\A7\0AIFi\EB'\A5\A5\A6\D6\DER\7F~\AD-4\EA&lt;\1D\7Fw\F0\7F\C6\16\FE\07\D5\AE%\BA\F0\DE\A3\B8\F8\7FQ\B89h\98rm$n\E4\7F\09\EE8\FA{\15yU\FE\96\DF\19&gt;\1B\DE\E9S\C6\B0\DD\DB\88\EE4\BDf\DEq4\17\0C\06\EB{\A8e\1C\9C\E0n\04\02\09a\C8\C3\1E\87\E1\0F\8De\F1\DF\81\AC\EF\AF\13\CA\D5m\D9\AC\F5\08O\06;\98\CE\D7\1F\89\19\FCk\A2/\A7C\E51\B4\9C\E2\EB?\8D;O\D7\A4\BE}|\D7\99\CD\FCjO\F8I\BCE\E0O\06\E70jz\9F\DB/\13\FB\D6\F6\CB\E6\15&gt;\C5\B6\8A\ED|u\E0\B8|m\A3Ehn\E7\D3</w:t>
            </w:r>
          </w:p>
        </w:tc>
      </w:tr>
      <w:tr w:rsidR="009F1CC8" w14:paraId="1BAE4353" w14:textId="77777777" w:rsidTr="009F1CC8">
        <w:tc>
          <w:tcPr>
            <w:tcW w:w="1418" w:type="dxa"/>
          </w:tcPr>
          <w:p w14:paraId="3E336ABD" w14:textId="36857626"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5592A043" w14:textId="43B98965"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751B0EBE" w14:textId="3FD8D157"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2A117826" w14:textId="7BE3D4C9"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7B3B1DA5" w14:textId="6E672F95"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25ED4CF6" w14:textId="6D84B08A" w:rsidR="009F1CC8" w:rsidRDefault="009F1CC8" w:rsidP="009F1CC8">
            <w:pPr>
              <w:rPr>
                <w:rFonts w:hint="eastAsia"/>
              </w:rPr>
            </w:pPr>
            <w:r w:rsidRPr="00910B4C">
              <w:t>\FA\FF\DA\00\0C\03\01\00\02\11\03\11\00?\00\FDS\A2\8A\F2\AF\DA+\F6\8A\D0\FF\00f\BF\0A\E8z\DE\B7\A1\F8\83\C4\7F\DBZ\D4\1A\0D\8E\9D\E1\9BD\BA\BC\9A\EAh\E5x\D5cy\13v|\A2\A0),Y\94\00s\C0\07\AA\D1_*\FF\00\C3}\7F\D5\B9~\D0\1F\F8C\7F\F6\FA\EF\FE\0A\FE\D6\DE\08\F8\D1\E1[\ADof\A1\E0O\B3\F8\99\FC\1F\FD\9D\E3Q\06\9Dy&amp;\AA\B1\C6\FF\00eH\FC\D6\CC\A7\CC\DA#\CE\F2\C8\E3o\14\01\EDtW\CE\BE#\FD\B7\BC+\A0\F8\07\C6\FE.\B7\F0g\8E&lt;A\A6\F87\C5\B7\DE\11\D6""\D14\B8\AEf\82[H\8C\B3\DE\10&amp;\01m\15G\FA\D7*Aa\95\19\CDj\FC\1D\FD\B3&gt;\1D|v\F1\F6\97\E1\1F\08\DC\DCj:\95\EF\84\A2\F1t\92\C7%\B4\B0\D9D\F2\A4F\CE\E0\C73\98\EE\D1\A4M\F1c\0A\0F\DE\E8(\03\DDh\AF*\BD\FD\A2\B4?\F8J\BCW\A2h\9A\1F\88&lt;c\FF\00\08\D6\8Dw\AA_j&gt;\19\B4K\EB?\B5[\C9\B2M!dI?\E4%\D1\85\AB\00\DBYI#5\93\E2\0F\DA\ABC\F0\9F\F6o\F6\DF\84|a\A3\7Fixf?\10X\FF\00hi\A9\07\DA\AE\A4\CF\97\A1E\BEQ\BFWm\A7m\9A\E5\8E\0E\0F\14\01\EDtW\8A|3\FD\AD\BC\11\E3\EF""\D3[MC\E1_\89.\EFV\CA\C7\C2\BF\11D\1A&gt;\B1\7F\BB`\8E[{W\94\BC\B1;\B1\8D\19~\F3\C7""\81\95\AE\02\F7\FE\0A\0F\A1\FF\00\</w:t>
            </w:r>
            <w:r w:rsidRPr="00910B4C">
              <w:lastRenderedPageBreak/>
              <w:t>C2U\E2\BD\13D\F89\F1\83\C6?\F0\8DkWz\0D\F6\A3\E1\9F\0B\A5\F5\9F\DA\AD\E4\D9""\AC\89q\F4`\18\06\DA\CAH\19\A0\0F\AA\A8\AF\95l\BF\E0\A0\FA\1F\FC%^\14\D15\BF\83\9F\18&lt;\1D\FF\00\09.\B5i\A0\D8\EA&gt;&amp;\F0\BAX\D9\FD\AA\E2M\91\ABH\F7\1FV!Am\AA\C4\03\8A\FA\AA\80\0A(\A2\80\0A\F9W\F6\FA\FF\00\9Br\FF\00\B2\CD\E1\CF\FD\B8\AF\AA\AB\E4\AF\F8)V\AD\F0\EBA\F8/\E1=O\E2U\E7\8E4\ED6\CB\C5\B6\97:m\E7\C3\F9m\A2\D4\A0\D4\12\DA\E9\A2\90&lt;\E4\05UQ!\DC\A7p`\84w\A0\0F\8D\7F\E3)\FF\00\E1\BE\BF\E6\B0\7F\C2\B6\FF\00\85\9B\FF\00Q_\EC\7F\EC\AF\ED_\FB\F3\F6o'\FE\01\B3\FD\9A\F4\BB\1F\1B_|5\F8/\FBB\F8\BBL\8B\E1\BC\FA\96\81\F1\E7\C4:\AD\AC_\12\95\9A\17\96\0Ba*.\9E\15\94\9D@\B2\0F(\02\0E&lt;\CC\11\D6\B9O\87\BE#\F0\AF\C4\AF\1Fxk\C2:g\8D\FF\00mx5/\10Cm}k-\DE\AD\12\C2\9A|\F2\ACI\A8\B9R\C4Z\06q\99\C0+\8C\E0\9E\95S\E3\C6\A5\F0\B3\F6}\F8W\E2\0F\04\EB~\03\F8\E1\AC\FF\00f\FC@\B8\F1]\8F\88\FCy\A3\DA\CF\A3\EB\FA\FCpI\0Cisp\E5&gt;\D5c?\94dp\AA%\91\0B\B0nq@\1E\AB\A9i\BA\E7\C7\AF\80^\03\F0\C7\89\FCy\F0\BF\E0\EF\89&gt;%x\9A\C3\C5z\A6\8F\E0\ADbM\0E\F3]\D05\0BS\1C\C8\F0\C8\1D\EEo\A7y\19\08`\F1H\D1 ,\C5h\F1\F7\C2\1F\F8g\DF\0A\F8sD\F0\C7\8D~\07\FC!\F8\93\E1\DF\13[^\E9z\8D\EE\AB\FD\89y\AF\F8V\DE6Hb\D5\E4\8D\12k\A9g\9A%k\85P \91\A2$\10\CB^A\FB8\DBX\F8\E3\C7\DE\12\D7\FE2\EB\DE\07\D3\BC\13e5\A7\8F|?\E3m\12\F1b\87C\D4\12X\9E\D7\C1\E6\F6\EB1\DBA\04M,\DF\D9q\9D\D1\80\1D_\19\AE\7F\E2g\C4\CF\04\7F\C3SO\A2|R\9FO\F8\ED\E1\BB\FF\00\137\8B|+\A8\FC:x&lt;E\AC|\F7\CE\96^\1D\B8\92\E1\B6}\87g\98\CFc\10?&lt;\D1\95l9\A0\0F\A2\BCm\E2\8F\15|n\F0\0C^\1C\F0\0F\83\FCq\F0\CFR\D2\F51\E3O\19\F8\BF\C0:d\BAN\9B\E2\F8\A2\89\A3\D4\0E\85w\09c\7F=\DBH\92\DA\F9\C0\09\964ga\B4UO\82\BF\1Ft=k\C2\B7^\09\F0\C7\C3\8F\8E\1F\15&lt;Ii\E2g\FE\CB\F1\17\C6-</w:t>
            </w:r>
            <w:r w:rsidRPr="00910B4C">
              <w:lastRenderedPageBreak/>
              <w:t>\0D5\8B?\0Ek\EB\1Cp\C3\F6\BB\88\E4/i\15\BB\95\92M\AB\E6\C4\B2J\C3\96\C5e\7F\C2O\AEi\BF\0A\FE\C9\E1\8F\DA\03\E1\FF\00\81&lt;Io\F17\FE\12\DD/\C2\BE,\F1\9C\9Aw\F66\80\B0b\1F\0E\DFZ\C6w\DB\F9.\169lW\F7I\B1\946EyW\80|s\F1O\E1\DF\FC$z\DF\89\FE""|?\F0'\86\ED\FE&amp;\DC\FCI\D54\EB-n\EBN\D6&lt;]j\BB^a\A4G#\04\BE\D3n\D1Ym\F7\1D\B3:\00_\02\80=\AB\E2\8F\F6\E7\C7\AF\8F\BF\07\FF\00\E1'\FF\00\85_\F0\EB\C4\9E\0B\F16\8F\FD\A9\FF\00\09G\99\A5\F8\93]\BA\B3\BA\7F;\FB\17\CC\DE\F7:D\EF#}\9Bv\D6\92Tl\E0\ADyW\C4o\F8Z\7F\F0\A0\BE7\7F\C2\A2\FF\00\84\C3\FE\12O\F8h\CDs\ED\1F\F0\85}\AB\ED\9Fe\FB+n\DF\F6o\9F\CA\DF\E5g?.\ED\9D\F1^\81\E3\EF\1F|\10\D6\BF\E1\1C\F8\9B\FF\00\08\E7\C6\0F\8A\9Fd\D6\AD\BE%\FF\00\C2c\A0X\D8\EB\1F\F0\8Em\DDq\FF\00\08\FD\D5\E6\E3\F6Kk|\F9\AFe\BB\F7^b\B6\FF\00\9B5\D0[|\0B\F0\AE\BD\AA\EB\DE.\F0\8F\8A</w:t>
            </w:r>
          </w:p>
        </w:tc>
      </w:tr>
      <w:tr w:rsidR="009F1CC8" w14:paraId="596F280E" w14:textId="77777777" w:rsidTr="009F1CC8">
        <w:tc>
          <w:tcPr>
            <w:tcW w:w="1418" w:type="dxa"/>
          </w:tcPr>
          <w:p w14:paraId="07598559" w14:textId="10B3E467"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105D51AB" w14:textId="07995E0B"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6712D8A6" w14:textId="21B989AA"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590E35BD" w14:textId="65E3050A"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113080E9" w14:textId="51453902"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0CCE17AE" w14:textId="167588FC" w:rsidR="009F1CC8" w:rsidRDefault="009F1CC8" w:rsidP="009F1CC8">
            <w:pPr>
              <w:rPr>
                <w:rFonts w:hint="eastAsia"/>
              </w:rPr>
            </w:pPr>
            <w:r w:rsidRPr="00910B4C">
              <w:t>c\1E~7\9E\85\DEB\EF\A4\F7\D1\99\F4\09\FA\0C\9DO_\A2\AF\E3\1A4O\E8Wp\93J\99j\8C\16\A3\CB\180\0D\99\E6\8C\88+\D1tbz06\8C\1Dc\CF82\EE\8C\0F\13\C4\842a\CCTf\16\B4\A6\173\F1P\DE\AEcRq\05\9A\03L\16s\0AJ\DCB\A6\98\B9\C1\943\0F\98g\CC\1B\\\87F`k\B0z\AC!\DB\985f\CD\D96l\07\B6\0B\DB\8B\ED\CF\0EfG\B0\CE\AC'\EB\C7\86\B0\13p\FD\19\E5\8C\C6+\E0\DEOf\D3\D8\ED\EC\1E\\s&amp;\9B=\CF\16A~.e\EF\B0\8F\D8\17\EC;\8E\E3\D48MN\87\D3\E7\8C\B8\A6\9C)g\A1\1Ce\80\AB\CF\E0\B8\02\CE\9B\0BP\8E$\E0fp\D1\\\CC\BFR\17U\A4d4\EA\\\D4y\A8\F3Q\17\A0.\AC\92\DA\8BP\17\A3.A\8D\AD\CC\05L\1Cj\02\EAJ\D4D\D4U\A8\ABQ\D7\A0&amp;\A1\AEE]\87\BA\1E5\19u\03j\0A\EAF\D4T\D4M\A8i\A8\9BQ\B7\A0nE\DD\86\9A\8E\BA\1Du\07\EAN\D4]\A8\BBQ3P\F7\A0\EEE=\84z\185\13\F5\08j\16\EAQ\D4c\A8\C7QO\A0\9EF\CDF\CDA=\83z\165\17\F5\1C\EAy\D4&lt;\D4|\D4\02\D4B\D4\0B\A8E\A8\17Q/\A1^F-F\BD\82z\15\F5\1A\EAu\D4\12\D4\1B\A87</w:t>
            </w:r>
            <w:r w:rsidRPr="00910B4C">
              <w:lastRenderedPageBreak/>
              <w:t>QKQo\11\E50\BD\A4cP\C7\11\95w\ABr\BF\DA\A3\0EG\1D\81:\B2\CA}&lt;\0A\D5\11\D5\09\D5\19Uy\7F\BB\A2\BA\A1\BA\A3z\A0z\A2z\A1~\B9\0C\F0G\0D@\C5\F2@\11\84\1A\8C\1A\82\8A!W\8CE\C5\F0C\BE&amp;\8A\A9\A9\8E\A9\A9\8E\A9\A9\8E\A9\A9\8E\A9\A9\BE\0Fu?\EA\01\D4\CA\92\86\81;\A0\80\8C\F8B\FD\0D\F5\0E\EA]\D4{\A8\F7Q\1F\80*{]h\\i\9E\AC\09O\FEI\98\07l\1D\CE\83\F3\E4\BC\F0;M)\FF\91\F5s\19W\1F?\0F\D5g\9D`\E5\E7\0E\F0g\D41\C8\D7\CF\D8\B0\F3\F8 \1Fc\C3\EEAn\A3\8D\0D\FB8\85\F8u\84\E3\1A\1B\FE\FE\B7\1En\CEA\CA-(\E5\9C\86\B4\F2&lt;F\9D)\0Ag\E6#\87\FCA\8C4j-U4\8F\EA\11\F5\9C\A7eLB\A4QS@\0D\19\9A6\D3\10y\A9\C21\AA\07\ED\C6r\0C-\A1\C4@\A9Z\0B)\CD\D1\91\AD\19\9AKp\11\9DD\E3*D?\D1 \\_\B5\BCD?\CA\99\0A\A6\FC\A1Zp\A3B\E0\AF\03\F9/\9A}r@\CEp\AF\F5\94\8B\E7o\18\B9-\97\8D\1D:\B7\DC$*#\A6F\9B\C6j\993&lt;3\1A\ED\98\BEu\DC\ED\84Huo1\92{$F\B2E\09,C3\8C6\99\F5\EB\F1\C2\85\D5F\F7\8AV\ABI\AE\81yL\0E\AB\BA\02Z\1D\C2\19f\A6.*\A4\EC N\AA\CD\0C\B25\D3\16\AB\93/rm\B5!N\C1\9E^~\1E!\FE~f\9A\A2@\A0L[6\D0\CD\D5\D7\DF\CF\D5\CC@\D4'DM\BBf_/\97 \FF`\7F\F7\10\C3\CE\FEA\01\FEAN!^\B0GS\B11\F9\9D\D5\AEW\F5wW7C[/\0F?8\AAa\FF\CE\1D\0D\CD\E1""E\83Z\BCY[\D1J\B44k\DD\CA\CA\A2\B5}-\DE\\\84\AF\ADT_\C5\90o\12&gt;\D5\EF\EC\1F\FC.F\D2FU#\0A\E2\9F\8D\A45(\E0jL$MS\FB\82\DFo/\D7\D2m\EE\A3\D1A\CD$4\D9_?\EBh\F9\E6u\963\F8nn\A3\9B\1D=\B3]&lt;\AC\DFb\C8\B2t\B3\AD\EBv\EE\9F\155 \F2\D2\FDR\A7W\C6g\86L6N\7F\DC\B5\D3\FB\15\CFe\97\E7\85G\1BZ\07\AD\E7_\1F\0D\BB\B3T7i_\E0.\E3\90\DAw\D4\F2\BB\D9\06\17\9Do\EE\F8\CB\EE\C8f\C9\EDL_GM\ACyX}\B3\E7\99\AC\C2\8E\C9\86\F1\17~\D85\F</w:t>
            </w:r>
            <w:r w:rsidRPr="00910B4C">
              <w:lastRenderedPageBreak/>
              <w:t>D\FE\DE\F1\89\AFfh\BE\CD\9Esd\B7E\DB\8E\AFu\8B\7F\1E\DD(\B8\B5g\FF\03\9D\DEz&lt;\BB\BD&lt;\E3\B5C}\8786\F5\9C\C1\CA\92\90_~\1Dcy6s\CC\C6'cGG\AF]\9E\C8\BF\11~=\E0\D9\D6\FA\CE\82\B7[:\C4\F0\03^g\0E\E8.\D4\D1\A4\B4\DE\D7tqyk\\g\F9\D1E\96o$9\1B\EE\96\0F\92t\1C\D5P\7F\D5\FE\CE\B6\0B:r\BBR\AE\8F\99:\E0\B2\DA\B0v\EE\C1\A7g\1Fh\B2\92\81\A6;\BD*\92\0E\84\18\F1\15\B5!.\EB6\E2\AA\89jR9dq\89D\C6\B2b]\02\C9\80\C5\1A5Kw2\85\B7n\E86\1D""M\DC\14\F8t\F9\B1Z%SD;\F2su\AE\AF\D8{uO\B1\BB\99\89\D8\82$\88\BAv\C3\CA\04\E9\19\E4\E6\E3\E4\E7j\D8/\C0M\99,\C1\86}\BC|\BDB\DC\\\CDt\C4\1Ads\896o\DE\CA\BC\ADe\DB\16\16\96\96\16mD\B1\1E9j\03NW\D4\09\AFQ\FAf\D4\C4\0C#j\E8\8D \9B\F4'\F5C\1A\98\97\DEO\11\07\93\0D\EAq\FDD8qB\CF\84\EEQ]=CB\02\DA\B5l\E9\12\E4c\EA[qjS\17\7F\DF\96\01\A3\BD\08m\19\10\E4\EF:\C6%$\B8%\84\0C\F20\E4`\C8\BC\A3H\E65\11[\9B\88V\A6\B0\91h_q\E54\CD\D9\88}\C4^\15\DFE&amp;\AA\83\EA\14\E3\C6\8D\FB\DC)\DC\82\BEx\EC\10\B1\1A\09\B36M\BF\E7\18\91\FA</w:t>
            </w:r>
          </w:p>
        </w:tc>
      </w:tr>
      <w:tr w:rsidR="009F1CC8" w14:paraId="6FA7AB4E" w14:textId="77777777" w:rsidTr="009F1CC8">
        <w:tc>
          <w:tcPr>
            <w:tcW w:w="1418" w:type="dxa"/>
          </w:tcPr>
          <w:p w14:paraId="1860839F" w14:textId="2C7544CD"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49A618C4" w14:textId="67A8DC8A"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04110547" w14:textId="542179AA"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1C0421C1" w14:textId="23455F4D"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658F9BFD" w14:textId="3765E012"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51601F90" w14:textId="3614DFEC" w:rsidR="009F1CC8" w:rsidRDefault="009F1CC8" w:rsidP="009F1CC8">
            <w:pPr>
              <w:rPr>
                <w:rFonts w:hint="eastAsia"/>
              </w:rPr>
            </w:pPr>
            <w:r w:rsidRPr="00910B4C">
              <w:t>o\E8( '\18u\89\ED\A8S\E2\EA\12\05\C1\1AYl3""\98\F5\07\A9\EA|\B5\C4RQB""\AB\85\DC\EF\F8\D9\DF\AB$\F1\B0\04~\0D\EE$\82u\17\C2\F6\19kr\85\D7^n\AFG\0D\86\98v\D8q\B9\18f\F1\96\12W\EF\84xw\999\D7'\AC\AF\E3\C4\CFS&amp;vF1&gt;\8F^\B4\8B]\BA8&gt;\DC\07c\A0\89\95\88\18s\C0\D9@O\05Weq\0F\BB\D4Z!\94\E0j\8C\D8\DA\18\91\A1j\F4b\D1wD\0F\18\C7\E2\F2E0\93\187AZ\A3\C4\CFy\D0J\DF\93\CAL#Op;\BFh\95\C6\B6\7F~4\1F\FBUm\85\D9\AB\B9\95pn'|j9\D1\E7\08'\CD0\FAD\ED,\E0\18""\E2\BCC\F4N]/\1C\06\91\FE\\\1C\0A\DB\06\AF\09\EC\1AA\\v\C9el\\f\C9\F5\8C[Z\C5\FD\A0\C0\F2r\94!*W\B8\A8\8B\AB\C9\F7}2\AC,\E4\04\D7\CD1\8F\1A\1D\97\A0U\E3h\D8IHa\A9\CE\8F\EEp\82{C \07b43#\AE^\18G\C4\ED\9DQ&amp;`$\18\8Fs+\158\C1\E8/F\FE\85\D7gj\A9\D2o\C1\ED\A1</w:t>
            </w:r>
            <w:r w:rsidRPr="00910B4C">
              <w:lastRenderedPageBreak/>
              <w:t>F-\0D\BB\9C\9F\DBC \AE\DC\0D-z\CCh$\04+\AF\D1\F6\07\EC\15\04\FD\D5.\C1\F5\0C\B8\AE\00l\E7\CCz\A6 \FF\B0\DAN\98#\A9'\FF\\\9E\12}p|\B2TJ`w\0C\D8\DFS\10\\\9B\E0\AC{\EC'\AF\\\EB(\0C\F7\F8\C1\D5p\F0\9F\12'\CD\C0\EF\C4\BE\C2\BD\12\0F\C7`\D5\A2\DC\06?\1A\ECO|Z\13\EE\CC\81{\B8\E3j\D2\D4`\C5Y\C71q\B9Q\F4\9F`7~e\E1\F7\CC\BCd\06\C3\B8n\A24\F6\1A\EE_\89\FB\E1\08\B3\0E\11\ED%\88q\E2.\8A\EA\B7\B6\AD\AA-\89\DB\E7\0A\EC\ED\B6\A1\15a\EC\1A\B0\A7a\8Es[\DF\88Oj\87\9C\82\ABm\06\BC\C0n\ACPE\DE6\12\13\ECZ\\!\0DQkaF\0FU\B8\91\A5R\B0\F8p\9F}\C06\EE\B7G\8Dm\8D{\C4\FAR\09\BDJ\F7\DC\1D\A8\ED\C4\1D\E6\D0\02\A4\96\9B\A8\C7\D5\B8G\06\CC\0A\\\85\F6_\A2}\80Hc\1A\D7\E9\A4\C4\E5J})P\95\EA\AE6\1A\E3e)\A9Vl\A1g\02yF\E8%\D6\D1\BAL\A3\8B@\A0l\C5\F8\0F'\CC;\0F\AD \8C\BB""\FFb\9E\08#&lt;.\82\EA\CED\CF\86W\E4Gbx\A7M\9CG\E7d\0CJ\09\97-\C1{2s__\D6R\DB;'\89\B9m\D7\D5\C5`+\98\13\C0u\00\B8\AA\C3\8F#0\CB3.\83\83G""\EF\1C_Z\E1\15~\AC\11~\89,^\9CfsQ F\9C\FD\EA2\E0.\EE\14\11\B7~\84\1A\8A\CE\08\EC\A4\93\13a$\0AH\95\8C\C0.\AE\B0n\A80&lt;\0E\1E\BD[[\01\92\07WUd\043\1B\98\13u;-\83\F7\88\E7b$4%\B8\CE\0C\F4$xn\B0{#\B3\F1\08\\\E3\95Y=\95\13\F7t\11\88]\E0j\0A\88\F8\81\EE\06\EC\E6\9E\D4\04\F9\8F\BC\8B\12\17\B5qj\CEp\AB\96\9D%\0B\BDv\EB\C1`\97\04|F\0F&gt;a\A3$\B0\DFWj\C6\9A\9B\\\0B\E6\8BS\02{\0D'\C6\B7\ED\E9#\1D\1D\C7\C8MO!\134\AAW|C\AC\16v\E3,\CD\AA\11\E0\E2\AE\B1\EC\D0n\F1w#t\DA\17\B5\8B\B3\95\A8\A56g\17 \7F`.\09#\B3\CC\931\FE\BA\BB\A4\C25\8EC\D0\82A\89\9BZ9\94\12WK\9D\D8\F6\D0c\C2\B9\F1\B3\DB\CEgv\1C\C0\B7\1DC\9B\01\F4\99[\11\E7\A4\97\AB\C3p6\1Ef\1C\9DFH\0D\96\A8w\DC\1D\13$\B5X\11\86\E2`\BFa&lt;\17e$F\03\90\9A\B1\FADX\09\80\FC\83Z\</w:t>
            </w:r>
            <w:r w:rsidRPr="00910B4C">
              <w:lastRenderedPageBreak/>
              <w:t>04\B9\148!74\05ym\DC%67\DA\09\BD{j\E78\B5&lt;\089)\94\EF\B0&gt;\8A\13\B7\E75h$\B8/D\00\9D\\\85\08\0C\EE\A4\02\1E\82\1F!\C7U\F5hS\E2\DE\1A \AD!W\97k]\CD\89\BF&amp;\17=\08X\7F\11\1B\8F\9A\9AYr\AB\F7 \C6%\08\EC\8D\FC\FF\B3w6\80qT\E5\C2&gt;3\99dg\F6wv\93\96\C0\AD\EC\ECvCS\FE\1A\14\A4jif\B7[\BA\89@\D3P\AE\82b\03r\15\C4O\8B\F2)(v7\CB\B6lj\A1\9B\10\10\10mZ+\02z\E5\EA\F5^\BF\EBE\1AJ\84\E2\F5j\D5^\7F\BE\CB\C5\B4\F4""r\F1#\AD\15\92\B0\DD\F9\CE\CC9g\CE\EC\1F\DDn\93t\93\1E\1E\9Al\F6\CC\CF\99s\DE\F3\BE\EFy\DF33.\EC-\90g\9D\A0\B3\D1&lt;\0F\99?!\CDO5 y\166Z\A9\80\A2\93\0Ec|\A1g%H\D8B o\09\DD\0D\E1\01\D4\CF\B5\E3\B1\D3\84\AF\D2\FAl\05\9AArc;\8C\DA\A7\11G\D9\DC\80x\0BH\8A\D03\E2\A8\EC\B8\00\F1\8A\9Cf\CBy\CCkt\9B\96\9Az\DBd\E5\81\D7\94x:\0FD\E7r\03\F2\D4T\97\C5\9EI\80Xz\12\83\B6\DE\8B\E16G\0D\CDYY\ED\04\997\90\ED\ADy\0Ck&gt;\83\E64\1Cf\9D\E8\D8\A6\F3\0B;\B0\9B\16\9D\AE\B4BO&lt;\F7\00\B7\E5ld\AC\A1\BBw\E9\CC\81&gt;\FB\9E\D4\94\AE\90%\FA\87\B4\0C\AD9\F1\08\E9L\94\FE]hQ\C9\13\AB\E8\D6\E8\CA\A8\E7\91oe\F3\F3*h[\A9\A0]\AC6\D7</w:t>
            </w:r>
          </w:p>
        </w:tc>
      </w:tr>
      <w:tr w:rsidR="009F1CC8" w14:paraId="36160E9B" w14:textId="77777777" w:rsidTr="009F1CC8">
        <w:tc>
          <w:tcPr>
            <w:tcW w:w="1418" w:type="dxa"/>
          </w:tcPr>
          <w:p w14:paraId="0E63C0EE" w14:textId="2704F213"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23ED2C06" w14:textId="5A51D6DF"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5CBEB98B" w14:textId="10AD1C08"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1BE101C2" w14:textId="5C190B6A"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220D3769" w14:textId="47D7B74D"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70137901" w14:textId="59DF394C" w:rsidR="009F1CC8" w:rsidRDefault="009F1CC8" w:rsidP="009F1CC8">
            <w:pPr>
              <w:rPr>
                <w:rFonts w:hint="eastAsia"/>
              </w:rPr>
            </w:pPr>
            <w:r w:rsidRPr="00910B4C">
              <w:t>scy\E0\1F\18\\x\8FA\F1G\85|m7\8Eo$\F0\D6\83\ACY\AD\9C\DAo\84\0C@\DA[kp?\EF""\F0\A4r\EEK\98\E2\FD\C2\95!y\15\E6\BA\94\DE8\D4\BCU\E0=o\FE\14\C7\C2\FB_\F8D\FE Xj\FF\00\D9\DF\07|-:x\93Y\D2\ADd/\FD\A9i\1F\FC\BCi\13glw\19TyDC""\BDW\C5\9F\17\BC\11\E2\CF\15k:'\FC!_\1C4\7F\89:\95\EC\DE&amp;\FE\D1\F8\85\A5A\05\9D\AE\95$\8C\9F\D9\FA\A4\9B\CC\C9\E1e\99\B7O\06\0A\05\12\1D\DB\85ex\FB\C3\7F\F2.\7F\C2\13\F1\E7\E1\FF\00\FC\BB_\EB\9F\F0\83x\C3\FE+\0F\E2\FBG\86\FC5\E5\0F\F9\06\FD\CF\B1\D8?\FC\B7\D9\B8\F4\A0\0Fj\F8\D5\FD\87\ADxV\D7\C6\DF\0E\7F\B4,|7\E3\FB\D4\F0o\C4\BF\0E[l\8E\CF\C3\96\B7\D1\C96\AF\AA\EA\16</w:t>
            </w:r>
            <w:r w:rsidRPr="00910B4C">
              <w:lastRenderedPageBreak/>
              <w:t>\F0e-5{t1\C7-\CD\CB2\C4\A3l\8A\C3\06\AAx_\F6\81\BE\D7\B5_\18~\CF\FE\05k\8F\05\F8'\C3\1F\07\EF\1BB\F1\CF\8A\8BXM&lt;\B6\CC,\AD\B5ho\A1\90\C6\DA{DRe\B9\8E5$\A3:\E0\00\B5\E1W\BF\07&gt;\16xO\FE\12\BDB\EF\F6\9C\F1\86\8D\F0\DBR\F0\CD\DE\B3\E2\1F\02M\E3\FBX&lt;au\AF\C9\F3]Z^X\94\10\BC\AD\0A\98d\8EBe3\8D\8Cv\8A\F3_\0Ei?\18\7Fh\8DW\C1\1F\12\BE\15Y[\CF\E0\9D\03S\B1\F8C\A7\E97\11^4\D7\9A,\0C.""}~+p\F1\C9h\F1K\12\DD\15a\19&lt;\08\C0\C1 \1F@|\11\F8o\E1_\0C\E9^\01\B7\F0\E7\C4\1B\7F\0A\FC[\97\E26\9F\AA\F8\97^\F1\A6\B5\15\9E\A5\E3]&lt;\ACb\EDt\89\D1D\FA\86\95{p\15\ED\C4\BF,\EC\AEX\EE\15\FAi_\96\B1\E9&gt;\15\FD\AC\BFk\CF\86\DAg\87,\AE&lt;3\F1o\E0\CC\DAm\B7\89l\D6(\AD&lt;*t\FD#P\DBw\1E\96\88$\9Fw\DA&amp;Q\02\CA#_%p\DB\18s\FA\95@\05\14Q@\05|\D5\FBt|!\FF\00\85\D1\E1_\85\DA'\FC&amp;\BA\7F\81&gt;\CF\F1\03K\BD\FE\D1\B9\D5\7F\B3\AF$\DB\1D\C2yZ|\9B\1B7\C7\CC\DD\12\E3\96L\E7\8A\FAV\BE_\FF\00\82\8C|T\F0\AF\C2?\D9\B7Q\D4\FCG\A4\\j:\95\EC\D2i\FE\1A\BC\B4\B6\8AY\B4\9Di\EC\EEZ\D2\F9\1D\D9L\0D\13#\114G\CCBAQ@\1EU\F0\AF\E1\BF\C6\1F\86\BF\1A5\7F\17xs\E2\0F\8A'\F8I\E1\F9\A6\D0\BCK\17\C7\FDj\F1\A6x\A0\B9In\F5M0""\AC\06\03n\8B\E4\DCJ@\CF\9F\B8\05\E6\AA\DE\F8\1B\\\F1\F7\8A\BCW\F1\0BD\F8w\E1\FF\00\8A\9F\0D\AD5\AB\BB\DB\E9\FE+\E8\92k\1E$\BF\B5Y&lt;\F9""\F0\B3""\98e\D3^\16\06\C5Y\B6\B4\B2K\93\B5\B3\\W\C3\DF\87\FF\00\07\BE%|\17\F0\D5\C7\8E\BFm?\1CA\A9x\83\C3\F6\D2k\BA\0D\DF\C5[5\85%\9E\D9M\CD\B3\C12\B1\0A\19\DD\0Crd\E3!\B3\CDj\F8_\E2\17\C4_\81&gt;\01\F1\86\99\F0?\C4\BA?\88&lt;\13\E0\DD2\F3[[?\8D7\F77:\F5\EE\9Fi\10Qw\A2\A5\A3$rh\CF\14p\8Byp\AA\D24\C3 \11@\16\BE&amp;h\BA\E7\C4_\D9f\7F\0C|=\F8U\F0\BE\EB\FE\12\CF\88\0D\A3C\A3\E8\DE\1D\91\FF\00\E1\11\B5\BA\B1x\D6\EFU\86\10~\C3\AB\DAn\8D'\90\06Xr\06\0F\15\C5x'\E</w:t>
            </w:r>
            <w:r w:rsidRPr="00910B4C">
              <w:lastRenderedPageBreak/>
              <w:t>0\EF\8A\BFd\DF\82\F2\DCx\07K\F8\D1\A8\EAW\BE &gt;\09\F1\9E\83oo,\B0\88\9E\D9N\A1\AFh\10B\91\9D\DB\A1D\B5\BD\9B\8C\1C:\F4\C7?\FB4^\FF\00i|}\B0\F8\85\E2\7F\15\FCP\F8'\F0\DB]\B2\8F\C6\FA\A4\FA\FE\A3\FD\81\E1\BDg\C5S\DDE&lt;\D6\F6\AD'\EEn,f\84\B1H\D9\8C\EF\14M\96*\B9\AF`\D5\BC{}\E3\0F\DAJ\F3\C7\DE#\FD\A3&lt;/?\82|?\0B\C9\E1\AF\87\FF\00\07\FCp\CD\A9x\82X/\0C\F6\96\D7:{\B1\8E\EA{\88\99\A0x\E2`do)\17\03\9A\00\D5\F1\B5\B7\C3\AF\DAk\E0\BC^\11\B8\D7\BCQ\F0k\E2\DA\E9\83\C3\1A&lt;\BF\11\EF-\B4/\15x\96!l\D1A\0D\E1;\E7\BB\D3\EEn&amp;\FD\E2\A0\C4\B3E&amp;\17r\E0\F9W\C0\BF\83\BF\0E\BFf_\82\FE)\F0\8F\8B\B4\BD\1F\E3/\C5\B6\F1\05\D4q\CB\F0f\DE\DB]\F1W\86\A26\D1\C4.P\C8\89=\A3[\\B\F8\93\18\8Aib\FE&amp; z\07\88\FE!X\FCd\D5|o\A9\F8\FB\C4\BF\B3\BF\85u)\BC?}m\E0\CB\CDJ\FDl\FCm\E1\9D@\B1m&gt;;\F7\99\98\D9\CFl\D29\95a;\A2\9DIN\86\B9\FF\00\10|x\F8Y\F0\A7\C2\BAo\85&lt;)\E2\0F\87\FF\00\F0\B2\7F\E1\0C\8E\F3\C7\BF\134;\DB_\B6j\B6\BEY\8BS\8BM\D4\E3u\9AmnY\91n!Y\C6\D7m\B2Hw`P\07\9F\D9~\CD\1A\1F\C2\FF\00\8A\9E\14\F8\BB\E1K\0D?\E2\F7\C3o\11^\DAh\DE=\B5\F8\A5\0Akz\C7\85\EE\AE'\FBV\A7w\A8,q\AC6r\DBB\8A%\92w-\13\CB'\98\0A\B05\CA\C3\F1G\F6\8B\F8/\FF\00\0B\9F\C1?\05\FE\0F\EA\17_\0D\BC</w:t>
            </w:r>
          </w:p>
        </w:tc>
      </w:tr>
      <w:tr w:rsidR="009F1CC8" w14:paraId="0F233EEC" w14:textId="77777777" w:rsidTr="009F1CC8">
        <w:tc>
          <w:tcPr>
            <w:tcW w:w="1418" w:type="dxa"/>
          </w:tcPr>
          <w:p w14:paraId="073B11E0" w14:textId="1A2E69B5"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00296F62" w14:textId="399FDDFD"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50A2AE22" w14:textId="451404A8"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0BFF3CA7" w14:textId="2C038164"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59C67C8D" w14:textId="1D87A36F"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2EA51BAB" w14:textId="63A60D45" w:rsidR="009F1CC8" w:rsidRDefault="009F1CC8" w:rsidP="009F1CC8">
            <w:pPr>
              <w:rPr>
                <w:rFonts w:hint="eastAsia"/>
              </w:rPr>
            </w:pPr>
            <w:r w:rsidRPr="00910B4C">
              <w:t>y\9B\E5\CD\C8EN\EA\7FeJq&amp;\D0\B9\8Bp\CB\0AN\F16\97\A7\10\D9\9At\A5\F4V\EF\84\FC_\C2_'\DE\B3\A2P\85\F79\CD5@~R\B4\C0\D4\C5\E5z\AB.\08q-*\95\9C\D89\DEo6\D0\00\89w\E0\B0\F5\C2x\C7\95\81+\0D\D6\B5\F4\D1\BDf\DA\DC\83_\B0\ABU\90g\8A\D6'x\87\A4H\CA?\D3e{?#\8A\BB\1FXZz\9F$\B2\85\AE\A1\AD\A6\97\EAR\A1\FB\B2\ABS\03\FFN\AC9\CA\1Ft\E0cs\82.\C1{o&amp;32\BE\99\D4\D3\F5\F2^\97\BA)g~\A9\B4d\9ARkznzqQj(Mej*'\BD\E3T\A2\D1y\CA\87\8Dd\07\E5\12\FDz\89^\DC\EDh\DF\CA\D7@Qm\EA&amp;(\A9-</w:t>
            </w:r>
            <w:r w:rsidRPr="00910B4C">
              <w:lastRenderedPageBreak/>
              <w:t>\E3\80H`z5\D9\A0\17\02\DE\8E\C4\167\CC\AD\8F\C2\E7\A7s)\AAUtS\BB\E4k\C64\15\BD\\l+X\F3\E7L\AD|*O\00@\02)\E6E\C2|7\0A\80G\FE[?:\96\15\96\84.\AF\91\C9\85\D6\06[\9ES\18\0B\01\CA\86\C5\B9\B90\F6\00\BC7\C3\A6p\EC\90\D0\E19:.v8\A8\EE\1B4\C3\EF\B78n\0F\8A)G\12\AB@~\8BL4\17y\F3[]\17C\DD)\C1U\09\B1\B3L-""i\CCT\B2q\A8Hk\AE\8F\02\9F\A50/\FD\95\CD_\ECvO\9C8\D1}w\15\07\0E\9E\BD=C\CA\AE\A1Ttk\85)Uji\EF.\18\8A\8D\15\A5\FCr\CE\97\8A\ED\D3\AE#k|\9AM2q\EAo\93\8C\09\04\\$\122\B0\A3'8\13\E9\F8kS\86\18\07\B0\E6\94\E6\FBS\BD*\06{\EA\08\13I\12\FF\16\C6""}\C3&lt;\FA\DE\E5\E9\0CgME\EAq\C5\08\D1 a\FC\D0\DD\F9\E9\FA\CF\8A\E6\87\C1\92c\D3\F9s&gt;\AD\B8j\94;m\B1\B9Lt\B3\C2\E0/x\B6\B2\CD\EC\E9\8B\C9\8072g\81%\D7\8C\C5\8D\8D\8DF\95\F7\FCY\E53\8A7\F8\C7\0C\91u[\F5De\09\B4C\A8k\A0)\C4\8E\A3\E5\CF\14u\ADb9\9A\C4M\11`\FE\F0\07\DF\03$\C4;\FD\16\E0\\\F3\EE\ACg\85\8B\C2#\C2/to/o~a\F3\EDMis\ED\0B\E7\DF&gt;/\9D\BF\BE7\FF\85\F9\B7\E7\A5\F9n=\B7\F4\85\D3o\9F\96N\9F\FB\C2\C1\DB\07\D2\C1)\DD\F9\82\F3\B6#9\C5\94\19)_P\DE\06d\E1\93/&lt;\FC\F6\C3\D2\C3\FB\BFt]\\\BB\BEt\EE\94I\F6\F7\89y\EA\DC\D2\F55,=\98\F4\B5\18\C6Ogo;\BC\90hat2T\FF\AF\C6\BE\FA!\FD\81\EF\C3\BB\83\BA\E8\FB_\DB\18\09n\1D\09t\7F\0A\B8\04\A0\FC\8D)\CB}\1Fo\95\EF\C0C\96C[_\CAlMR^\F1\A9x~\C4_ey\DBS\A6\CB\07\82\9F\09\E0a\B3\C8?@\BF\14y\B0;\AF9\BF\E59D\F3\99W\E7\8E\84:""\CB6b\A6\81\E2\B4\C9\14\C9\905\CF\E8\A6]]\CD\9A\FE4\7F\05\C0\AA\B7fg\97\E0\FF\99\99\BB?\19\ABfN+|\86O\C2\E8\F7\7F\E1~)&gt;1\E6\8C\B0\D3\E5\FDw\F6\00.\EC\AD\E5;\F9ry\0F\C7\F1^\EE\E4\E6\E6\1E\D2\B4\F6^\FB\A8\DB\ED\88g\1Ex\F3\A8\1F~\CCC\CF\8Fk\D0'g\F7\0D\82\AB\1C\1D\FA\0E/|\BFh\9D\A2\F6\93]\C2\B0h\EE\9C7\9C{\98\F9;\1FJQ{A\94J\9A\C2\C7\A12C\893b\DAG.7\86&gt;3\91\E5(\01\A6\DA\</w:t>
            </w:r>
            <w:r w:rsidRPr="00910B4C">
              <w:lastRenderedPageBreak/>
              <w:t>0C\B5\D1\E7\CA`\C9\E6\08S\ADy\00\98\86\AB\1B\1FZ]\CD\AFPGg\91\A5\82\EA\A2\A1\11O\B8(\B5\08fn\C5\B3\A5\D4t`( q\A7\D7C\85\E7\82\F0N\15%\C0\1Bgy_\FBYW,\16\DD\83\D3\A7\DDv\A3\B1\BB\EBF\82\E0\FA6c\EE\F4\C4\C4\9A\BBv\9CpF\DD\D7\03\84yd\84\E3X\AF\BEN\BF\1A\7F\E0\EF\1B\CD\9E\E9\CD\10\EA7\9A\99+L\F1\C1\9D@@8\BA:\C5\ECY \E5i\D5\D2DV\B8 \A3\80h\8Bt\19\BE\F3\00\B6\08u\E1\DEkXgbI\ACi\0A\BE\AE\19\FEe\C3\01\00\F1\DA\95+oVO\B96\8A\D7\F2&lt;\1F\AD\1CK\C4P\AE\D8\8A\93{\BC^\D7\D5\EEm^m\AC\DD$L9\ED\12\D9\D2e\0D\E9\A70k\018\E8O3\F8\BE\F0\15\D0x\A9$;\AC\D2\B5j\C5\\L5&gt;nH\96M\C9\1C\0B\0E\B7\17\0E\B3\D0{\9E\A7p$\DF\A9\1F\F0\1Dtq\A87&amp;\FF\95\E5\7F\82\D1\E6\9FX\FE\0BbF*\E5\9Cs\8C.\87z\B1\85&amp;^\AC\E7D\CE\0F\B5t\F8\9F\00\09\AFX\C1\8B\A0\CE\B9\9F\DCx\129\96&lt;\9FC\AD\D9l\D66\88Y\0D\13/\E7w\93\A9\A3\DC\1E\95\85s\DC\BE\E6E\A5\A4d2\D6\EC\FA\D4\FA\F6\B6\05\EC\CD\95\E5\8AU\F9a\F6u,\926nl{\88\E1H4\7F\D0\EBK=\1A}j\F8\D1G\8B\AC\C2'\F3\14\B9\1B=\E9\ADX\01\D5[&lt;#\FA\05\C9\CF\A8\C9\89\0E""\7F\CE\B0&lt;\CF0\9CV\8A\C2\91\975K\FC\A9m\F8\B8\11\ECZx\CE\E6'\DD\C0\AD\B2b\9E1\D5\DA*\BB2s\A2\99F\F1R\84\C8$\E2M;\89#\A1i\C3\8D\B0\AE\CA\06`\B5\BBv""\8Do\0B\FF\0F\A09""\F8B]\B8\C4\99\C2V4a\EB\CA\09!Z</w:t>
            </w:r>
          </w:p>
        </w:tc>
      </w:tr>
      <w:tr w:rsidR="009F1CC8" w14:paraId="12248FF8" w14:textId="77777777" w:rsidTr="009F1CC8">
        <w:tc>
          <w:tcPr>
            <w:tcW w:w="1418" w:type="dxa"/>
          </w:tcPr>
          <w:p w14:paraId="5631A85E" w14:textId="0F4FAD82"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4A1506AC" w14:textId="7795A573"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23ADDD3C" w14:textId="42F91B99"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600D1E16" w14:textId="69A488EF"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72482348" w14:textId="6826162F"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547E7392" w14:textId="74580926" w:rsidR="009F1CC8" w:rsidRDefault="009F1CC8" w:rsidP="009F1CC8">
            <w:pPr>
              <w:rPr>
                <w:rFonts w:hint="eastAsia"/>
              </w:rPr>
            </w:pPr>
            <w:proofErr w:type="spellStart"/>
            <w:r w:rsidRPr="00910B4C">
              <w:t>zJ</w:t>
            </w:r>
            <w:proofErr w:type="spellEnd"/>
            <w:r w:rsidRPr="00910B4C">
              <w:t>\8Fn \E8\D0\9B\12Bl%\9A:~\C7?\11B\1C\C4\96\0F\0C\DF8Cb\AB\82\C1db\99u\98\9F%\B1U\A3KR\AFO\D9\8F\D4TK\91*Z\14J\B1|\\\C3(I\B8;\09\83\98\8A\12\BD\F8\8Ep,&amp;uG\C5X/\E0\0CI\ABC\E2\A1F\C0\0B\7F\D6x#4\8E\D04`\90\E6\BB[\07\15\1D\D4e\83I\98\04V9\18\0CJpR\9A\92( \F1H\13\9E\91\CEJZi,\F1\8D\A5\19N\AA.;\F1\EA\81\89\E6D\F5\89\F9Quq\B6Z\0D,s\C9L \89\14\91\C5\13.\C1C\C0L\E0\E2\C6i\D6\FE\E8\87\E8\B8\AA\82\AA+\8E@gu1\12}Q\9Bt/y#/\B0\8B\AE\FB\F0\8D\AD\AB\CBrx\9B\D</w:t>
            </w:r>
            <w:r w:rsidRPr="00910B4C">
              <w:lastRenderedPageBreak/>
              <w:t>3\E6\CC\E4\ED\A6\95]\8DT_\8B\87\D3\9A\C2\DE`\8C\83N\FA\D8\B3\CF\F6\A4c\D5U\8E\C4\AE\C6\9Au1$b\CA.\A2'^zt\85_\F5\CC\EC9\F7*\F5O\08\A6\0A\9A\AB\96\C1T\ACD`\AA\A4`\09\92\82\C4\DF\08\89\BF\11Z|^6f\C4\E5\B1\90e\91\A4Y03/\E2\F3\96\02\C3\C6,!\8D-\A5\857j\E1&gt;-\D4Fr\10\C2$\E3\F9\88\08/\15\A1\18\91\BCp\CC;\EE\A5\BC\08\AD\EA\B3\A3\A3HN\CB\A1\14%\A38\14\1C\83\11\92M\E7\9E\9F\E3\9FW\B9\F9\12\04\15C\96\18\ABI\BAD[VK%\0B\8Cz\1B\8Fm\AD\16~H{\B3\96\D2F\92L\AF\08\F7\88\D7\8A\94\18\B1\19 ~\C3\DF+^\0CQ\16K\A9\E8e\CDD7\8B\D9p\12\8B\95\8AM\AE=\AB\A6\B38\FEv\14o\FC\EC\ECh\9D\9F%3\CF\9Asy\12\FA\B4'M\D9lY\C5PK\C7\0D5\C11b\DC\1E}\90\FF\9C\AC\E5\18.\CE%\C6J\E3\A5\C9\92\CER\9A\86\92r\08\91\E0\9F\98~b\9E\95g#?\0F\BF \FF2\FD\9A\E6\B5\F0k\F2\1Bi\83\AD\9E\1EM_\93\B95}\18\1E\A6\0E\D3\93\CEI\EF\A4o\D2\7Fg\E6p\D6\84g5s\B4\DE\A8\F3s\E9\1F\B6\FC(\CC\FAi\97\C3\E6w\05&lt;\09_\FA~\FD\FD\DC\83\D2\BD\E1{e\83-e\8A\A7\07\D2\1BK\BBK7$nH\DFa~(|\AC\F4:\FD\9A\DF\98`\0B""x\92\12a\10\E6 \05\A7a\EA\04x2;\0D\BD\8A5)\88\9E'}\A27\E8\85\BCWB=\87Oz\9Et\E1\93-6\9B\1C6\194\96\18I\B4""\FC\01\C8\E6\92\05\00p\A7z?\EA\F1\08xz\89\C3\95\C3\1DK=c\83\D0\86C\8C\DE\C6\11d\B4C1\8C[\E0\98e\DC2e\A1-\D3\B0\AAxb^O6\C8B6}$\06\C7b\E3\B1\C9\18-\C5\F21*\F68\94@\11J\8F\AC]D &lt;w\98\A8|\0B8\9A\F6\\\08\8E\8E\D4rH\F6=q\0E\A2,\0Euz\F5]\BC$\1B\F1y\BE\BAlR1\92\9C9\A4}\CA&amp;\83\C3d2,N1\1EQ\E7\18\8FN\\0\CB\18e\9B\EB\E5f%\BD\A9\0CR#\EA\0A\12\F1DP\E2\AD:&amp;h\0D\F9\A1.\C1\FA\11\9A\8B~\C0\C4\B5~\B8\C8,\B0F\89\E7\12\BF\C7\FC\81\FF\83\F5\BD\B8ft\04N\90\89\C4\C3\8A\E7\08&lt;B\1D\A1\8F\18\1E0M9\A7\BCS\BE)\FF\FD-_\08\1F\C9\18\91\08\9F\C21J8\F6J1\E4\C29</w:t>
            </w:r>
            <w:r w:rsidRPr="00910B4C">
              <w:lastRenderedPageBreak/>
              <w:t>\F9\AE\F4\83\F2\83i\ED(\FE\A6\A1b\8DK\9E\9A&gt;\EE\A9A\85\ABQh\F3\A9\81\BD^\E2\0B\E7jYT\94&amp;\9B\BEf\E4E[\DD,\E1\1D^\0C\C0W#\89\A7&amp;\AB\E1\D1a51\A2\E4\B4\BD\96\16\EC\EA\BDl\EA\BD,6\F4\08\1Bz\84\AD\96\96l\F8\9Aw\14\8B\05U\B3\D4h\DE\84\9Ec\C27xG\B1\99\D0sL\A8\0E\DA\04+\D9&gt;8M\F1\C2\1FT\E7-\8E\F8\14\13Ee\BD^W\B6\C0x\B8\A4v\9Ay\ED\E4\BE$c\13Qf\19\EF\AC/[\D8\CA\1An\B2H\B7\CB\ED^\9Cv\83\17\B7\B3\96\16'\82\C9\B1\E5\13\A5\A9\A9P\F4#;\FB\B6J\C1\DD\F7\FC\E4\C9\EB\86\F6\85\9CnS(\E4\FF\CA%\AB\B6]\DCx)\93y\F0\E6\EA\FA\92\95\B7\19\E9c\8D\1F\DE{\D5@\A6-\9E\C8\F6_\FA\D5[\EF\179/\EC\FF\F4\DD\17\D5V\ED\9Aj\AFm;\F0E\B7\C5\8CW\02r\9C\FB\1D\D5\A9\F9.\F0Q\F1\E5q\C8\01\C5\86(_\80D#\1B\8C\C4\18et\DA\A1\D6N\B2v\C2""\ED\8BQMv\CCS\89\9A\83{\90\D8\C9\EC\066mq948\00\19@\1D\E2\91\0Bg\E7r\F3\B3M\EE\F8\E2\E2\EC\C3\F3T\CD\E3V\A3\09\C9\DE\B9,\EF\C3\BEh""\D8-f&lt;X\B2$\AE\9Fq\034X|\D0y\A5\03\AEq@\F28\05\010z\B6\C1\07\B5D\AD\D1\12\C3\92\96\F0W\AD]5\A5\E9\C8\9B\12\CEj_\F4\BB\DA\ED\01\FF2\C3\12\99\85P_8;::\C3\CF\F1\B3\A3\8B\D1\04\08\18|\8F\01\13z\81ncm7\DCMQ\F5\C0\FD\D6\FB=O9\9FrM{^\F70G\02\F0N/\DCh\DCh\DAm\DCm\FAOA\AB\13\9CBL\A0]N\C1\E3\A5!\DE9|G!\ED\CC7\DF\96\CES\14\D4\19+\F8\A5]\CF9_&amp;\D2\DEe\0E\DF3\C0\80\BD\B1i\09\B1\E5l.p&lt;@\05\00\84\1A\8DVv\0C</w:t>
            </w:r>
          </w:p>
        </w:tc>
      </w:tr>
      <w:tr w:rsidR="009F1CC8" w14:paraId="34064168" w14:textId="77777777" w:rsidTr="009F1CC8">
        <w:tc>
          <w:tcPr>
            <w:tcW w:w="1418" w:type="dxa"/>
          </w:tcPr>
          <w:p w14:paraId="1FB3CE19" w14:textId="28AF3929"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4FF666FA" w14:textId="182DEF5B"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3AD9731E" w14:textId="35442736"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432207C3" w14:textId="12A12274"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0B9090B8" w14:textId="4AB37BD4"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440CA442" w14:textId="7063E506" w:rsidR="009F1CC8" w:rsidRDefault="009F1CC8" w:rsidP="009F1CC8">
            <w:pPr>
              <w:rPr>
                <w:rFonts w:hint="eastAsia"/>
              </w:rPr>
            </w:pPr>
            <w:r w:rsidRPr="00910B4C">
              <w:t>z\9E\A7\E3\0F\8B\1F\06\BE\12/\87\EC\</w:t>
            </w:r>
            <w:proofErr w:type="spellStart"/>
            <w:r w:rsidRPr="00910B4C">
              <w:t>BCEuy</w:t>
            </w:r>
            <w:proofErr w:type="spellEnd"/>
            <w:r w:rsidRPr="00910B4C">
              <w:t>\E2\</w:t>
            </w:r>
            <w:proofErr w:type="spellStart"/>
            <w:r w:rsidRPr="00910B4C">
              <w:t>ADMt</w:t>
            </w:r>
            <w:proofErr w:type="spellEnd"/>
            <w:r w:rsidRPr="00910B4C">
              <w:t>-\07\\\F1 \96\06x!v\02\0B\9BI\ED\D4\95B|\E9#\89\89m\AB^\E9\F13\E3\C7\C6\FF\00\00\FCT\9F\E3\C6\89\E2\0F\07\FCT\F8%iz\DE\19\BE\D0\FE\1D^\DFk\1F`\D2\96w\BC\93P\B8\81\1C[\C5|\96\AA\11\E7i6/\99\18+\B5\B3@\1C\AF\87\F5-\0FM\FE\D2\FE\DB\F0\1E\A1\E3\BF\B4YI\05\8F\FC4&gt;\8E\9A\8F\8C4k\A6\C7\97\A9^\EF</w:t>
            </w:r>
            <w:r w:rsidRPr="00910B4C">
              <w:lastRenderedPageBreak/>
              <w:t>?\E8\FE\16\87\07\CC\B8_\99'y\F1\D6\BDWR\F1\07\C1\0F\8A\1E\15\F0\1E\B7\E3m7O\F0\97\C4\9F\877\B6\17\BA\1E\9D\E1\C8,l\AF&lt;Q\FD\9F\19{x\B4\18\E5-5\E6\91s3\BA\DA\AA\14\F3YT)V\06\BE`\93V\F1W\C7m+\E2N\A7\E2;\CDc\C3\FAo\8C\B5=J\E7\C3W\8D,\B6\DE*\B2\D1n\D7u\A4\9A\A3\B9q\1F\83\D1dc;DZ5\99r\B9\C5{\A7\81\B4\DF\85\9F\05\FE\15\FC;\FE\C4\F1\E7\C2\FF\00\8D\9F\12t+\DD:{\EF\F8H\B5\8B]\7FX\8E\D6\08\17\CC\D3|3\B0,\C2Q4c\ECV\ED\85\0F+g\0C\D4\01\E4\12~\D0\DE*\B3\F8\D1\F1&amp;\E3\E2W\C1\AF\89\1E\07\F8I\F1\13L\D4\BC#\A6\E8&gt;\15\F0\BC\BA|\DA\96\A1\7Fs\98\AF&amp;\82y&lt;\89uY-\FC\C4iW{1E\01YA\AF\1F\F1\07\88?h\BF\F8Et\DF\80\F6\9Ao\C4\0F\07|6\F1/\8C\E3\D2&lt;=\AEx\F2\0DF\C6\F3\EC\B7\11\9B;].\E6p|\9F\B3y8w\B7\8E2\BB\95\CA\82\A3\15\EA\BF\1F|}\FF\00\17S\E1\C7\8D\BF\E1\1C\FD\A8?\E4\A6\E9\BA\CF\FC#\BE&gt;\B1\FF\00\89?\FA\F9&amp;\FB&amp;\99o\BB\FE&gt;\7F\E5\9C1\EE\FB\9B\D7=\EB+\F6\8A\FD\A5\F4?\DA\0B\FB\0F\E1\17\C3\DB\FF\00\8A\1A7\C4\9DK\E2\CC\1A\CC7_\11fH?\B0.\A4\F3mV\D2\DD\A1\91\E6\B5\8A\09\A5\8C\A4a\0BG\899\DC\00\A0\0E\83\E1\7F\C1\DF\87_\17?i/\85\FE\11\F0\0E\97q\E1\9F\8B\7F\06f\D2\E3\F1\9C\B2[\DBZh:\B4ZE\E2E\A8\\\DB\98Q\A7\9E\EE[\87M\92L#\0F\1A\FC\FB\18\01_\AE\95\F9+\F0\1F\E2g\C1\0F\85?\15&lt;?\F0\B6\EE\7F\8A\1F\F0\BB\7F\E1`[\C5\E2\1F\1Ai\EFc\FF\00\13]W\CF\8E\DA\EA\CA[\D2\CBq6\91-\D2\19Z)\13{\F0\CD\F3q_\ADT\00QE\14\00W\CA\BF\F0P{-s\FE\11_\83\9A\DE\89\E1O\10x\C7\FE\11\AF\89\BA6\BD}\A7xgN\92\FA\F3\EC\B6\F1\DC\BC\8C\B1\A7\E0\A0\B1\0B\B9\94\123_UQ@\1F\92\BF\F0\AE~\16\7F\C2\FD\FF\00\85\BB\FF\00\0AG\F6\AF\FF\00\84\93\FE\12o\F8J\FE\CB\FF\00\08\9D\AF\D8\FE\D5\F6\AF\B5l\DB\B7\7F\95\BF\8Co\DD\B7\F8\B3\CD[\D5\BE\08\F8\AB\E3\B7\C1{\CD3S\F0\07\8E&lt;?\A6\F8\CB\F6\93}n\EA\CE\EFF\96\DBR\B2</w:t>
            </w:r>
            <w:r w:rsidRPr="00910B4C">
              <w:lastRenderedPageBreak/>
              <w:t>\D1n\ED\8A\BD\DB\A3#\88\D5\16B\0C\A44j\CAA'\15\FA\BFE\00|+\FBEh\BA\E7\8B?e\9D\0F\E1\17\C3\DF\85Z\86\B3\FD\9B\E2h&gt;\1ACu\F1\17\C3\B2O\F6[X\ECe\B5_\10[\B4 \EC\89wFR\F4 Q\99&gt;N@\AF*\FD\9D~\13\EB\9F\B3\EF\F6\E7\86&lt;)\E0\DF\8A\1A\CF\F6m\94\FF\00\F0\9E\E8\FE8\D2\E4\9F\C1\FA\FD\AC~Tz\9F\F6\041\A2}\AA\FA\7F)R\D7\CF\01d\80\B8\93\A8\AF\D3\FA(\03\F3\03\F6\AA\FD\9A&gt;)\EB^\15\F0\8F\FC*+\0DB\C7\C3~?\BD\B3\B5\B8\FE\D6\86\EA?\12xr\D6\FA9\B7h\B3\FD\9A2\96\9E\1F\B7C\16\EBC\B9b\94\1F\BC1]\AC\7F\B3-\8F\EC\1F\F0_\E1\B6\A7\E1\CF\85\16\FF\00\19|l\DE-\D3n|Kx\BE\1C]wR\D3\E26\DB\AE\E4\D2\DD#\8AH\969m\94\C0\D2\9C+K\96\E5\B8\FD\0A\A2\80?*\FE&amp;j_\B5?\ED\F9\E2\A9\FC\13i\E0?\F8T&gt;\1B\F0\EE\B4\DE+\F0\F7\88\FCM\A3\EA\BA%\E2\FD\9EG\86\D5\1A\E0\19\90\\\EC\B9\12\11\1A\8F\9A&amp;e`\17\07\DF\FE\0A\FC9\F0G\8F\BE\D5\F0\E7\C4\FF\00\04|A\E1\CF\89:.\8C\F0j\9F\17\AE|'\05\AF\DB\F5X|\B8&amp;\D4\B4\FD^E3Kr\F33]Ep\CA\1D\B6\F9\A7\0C1_j\D1@\1F\9A\BF\B4\87\EC\B7\A1\F8O\F6\A6\FD\9F.\FC\13\E0o\88\1A\CF\894\DDk\C3\D2\EB\9E*\B6\D2\12}\1E\EA\D6;\E9M\C5\EE\A1u\14A\DFRgT\92Y_\0AP\EEnH\AF\D2\AA(\A0\02\8A(\A0\02\8A(\A0\02\8A(\A0\02\8A(\A0\02\8A(\A0\02\8A(\A0\02\8A(\A0\02\8A(\A0\0F\FF\D9\0Aendstream\0Aendobj\0A36 0 obj\0A&lt;&lt;\0A/</w:t>
            </w:r>
            <w:proofErr w:type="spellStart"/>
            <w:r w:rsidRPr="00910B4C">
              <w:t>BitsPerComponent</w:t>
            </w:r>
            <w:proofErr w:type="spellEnd"/>
            <w:r w:rsidRPr="00910B4C">
              <w:t xml:space="preserve"> 8\0A/</w:t>
            </w:r>
            <w:proofErr w:type="spellStart"/>
            <w:r w:rsidRPr="00910B4C">
              <w:t>ColorSpace</w:t>
            </w:r>
            <w:proofErr w:type="spellEnd"/>
            <w:r w:rsidRPr="00910B4C">
              <w:t xml:space="preserve"> /</w:t>
            </w:r>
            <w:proofErr w:type="spellStart"/>
            <w:r w:rsidRPr="00910B4C">
              <w:t>DeviceRGB</w:t>
            </w:r>
            <w:proofErr w:type="spellEnd"/>
            <w:r w:rsidRPr="00910B4C">
              <w:t>\0A/Filter /</w:t>
            </w:r>
            <w:proofErr w:type="spellStart"/>
            <w:r w:rsidRPr="00910B4C">
              <w:t>DCTDecode</w:t>
            </w:r>
            <w:proofErr w:type="spellEnd"/>
            <w:r w:rsidRPr="00910B4C">
              <w:t xml:space="preserve">\0A/Height 100\0A/Length 6301\0A/Subtype /Image\0A/Type </w:t>
            </w:r>
          </w:p>
        </w:tc>
      </w:tr>
      <w:tr w:rsidR="009F1CC8" w14:paraId="64A58AE3" w14:textId="77777777" w:rsidTr="009F1CC8">
        <w:tc>
          <w:tcPr>
            <w:tcW w:w="1418" w:type="dxa"/>
          </w:tcPr>
          <w:p w14:paraId="4A0D2321" w14:textId="14EB2D52" w:rsidR="009F1CC8" w:rsidRDefault="009F1CC8" w:rsidP="009F1CC8">
            <w:pPr>
              <w:rPr>
                <w:rFonts w:ascii="等线" w:eastAsia="等线" w:hAnsi="等线" w:hint="eastAsia"/>
                <w:color w:val="000000"/>
                <w:sz w:val="22"/>
              </w:rPr>
            </w:pPr>
            <w:r w:rsidRPr="00247E8E">
              <w:lastRenderedPageBreak/>
              <w:t>2022/07/14 09:58:05</w:t>
            </w:r>
          </w:p>
        </w:tc>
        <w:tc>
          <w:tcPr>
            <w:tcW w:w="1560" w:type="dxa"/>
            <w:vAlign w:val="center"/>
          </w:tcPr>
          <w:p w14:paraId="750980F4" w14:textId="62A25CFD"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08A4F3ED" w14:textId="09D6421C" w:rsidR="009F1CC8" w:rsidRDefault="009F1CC8" w:rsidP="009F1CC8">
            <w:pPr>
              <w:rPr>
                <w:rFonts w:ascii="等线" w:eastAsia="等线" w:hAnsi="等线" w:hint="eastAsia"/>
                <w:color w:val="000000"/>
                <w:sz w:val="22"/>
              </w:rPr>
            </w:pPr>
            <w:r>
              <w:rPr>
                <w:rFonts w:ascii="等线" w:eastAsia="等线" w:hAnsi="等线" w:hint="eastAsia"/>
                <w:color w:val="000000"/>
                <w:sz w:val="22"/>
              </w:rPr>
              <w:t>1939</w:t>
            </w:r>
          </w:p>
        </w:tc>
        <w:tc>
          <w:tcPr>
            <w:tcW w:w="1418" w:type="dxa"/>
            <w:vAlign w:val="center"/>
          </w:tcPr>
          <w:p w14:paraId="3B2E7223" w14:textId="7BB2EABC"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7FDD748A" w14:textId="19E421D7"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6DCCCB70" w14:textId="4355F883" w:rsidR="009F1CC8" w:rsidRDefault="009F1CC8" w:rsidP="009F1CC8">
            <w:pPr>
              <w:rPr>
                <w:rFonts w:hint="eastAsia"/>
              </w:rPr>
            </w:pPr>
            <w:r w:rsidRPr="00910B4C">
              <w:t>}M\BBlL\B9\1F\94\F6\E8xb\07u\D1\CA\FD\05\92Z\A8g\8D\D4\C5\89\9A\D6\1D\E6\C7|\F2\8B\BD\D7\EB|\17I-X\D6\AD\02%^\B2\B9\9FeGN\E3\1C\1EY]\F6x\0F&gt;\CED#$\98\FC\C1vF\CB\EB@\9D\B9\8B\0D\FDG\0F\E2\B0\D3\A5*\BE\BFF\FB\DC\ECt\EE\0A\B4\CCc\9A\0C\86Fgm&gt;\9A\8BC\</w:t>
            </w:r>
            <w:r w:rsidRPr="00910B4C">
              <w:lastRenderedPageBreak/>
              <w:t>18Q\B7i\D12?\F3\09\FDNh\B8\17\AD\F4\91\1Fm\0C\9D\A6/L/Jq\CD\9DK\E8b\A4&lt;\AE\9F\FCE\02\C8q\90\0A#\07\96\95d\D0\F3G\E3u\C5e\A3\18\7F\FD6\88\D7.qY\B6\E2\81O\B0\97\B3\0Cz\16\7Fm\FE\8E$\FF\C1q\D9j@o\92\99|y\1C\F9\9C\AE\\5Oa\13K\9A\12R\17\F9\91\CAS6\17\B7\E2H\C7a\F2\B3\86f\83ed\A2}\96\9E\CD\F9#Y\95)\D7\C4\9A+\CF\F47\E9S""\9B\D3M\E0K\A7\9B\B0\BD-\A7\9B\10\B9\8Et\13\82\0A,\DDDGJ\9A\0C_\0C\D6\B4(*\E7\CE\C99ub\BAI\CAE\845""g\B0\C6\D2\E4\C88#9\1BGc\BAI]\AA\\-(s\E6P\82\D9\ED\91\80\C3\02\B3\EEMW\97\1E\9A\C9\D1\A8\FD\B3\92NV\F6\EA\C6d\DC\97uB\EE\B3\F9\1E\ED\84\0C\FC\\z\EA\07\CF\0C\03\80\83Ge\82\BB\EB\99\C59\D1\A1\7Ff\E5\9Eg\E6\97\F8W\FF\CC\E0\AEg\E6GxW\BF\B8\EBs6\11O'\E2\B5\7Ff\F1\9Eg\16\90\DBte\CA\F1\EEf\96\EFzf\0B\03\D7\EF\C6\BBF\10\C2\D3u3s\E9\AEg\86DS.\C5\FFr\08\82\84e\B2XvBxf\BB{\9EY\AA\08\92*\82Hoj\7F\D7\BB\11\99\DB\14\B0\9A\9D0\B3\BBF\FD\\\11$\C5)\BA~\EBg\F6)\12:\15\D9\8A7o\C3\DB\C4\F7\F7p0] \DB\D3m\AC\CE\F4\BDk\03\11\1D\E2\EC\A7D\88~\DB\DD\B3\B11\05\1Cr\90A\F0\AE\E1\1D\F0""J\CES\A8\B87\10uB\05`\92A\B5""Dx\B3\F7\0C\DC\80\A9\08\C5\C9 \F8\93O\D0\87\9F\06^\AF(\80wl\84\A7Q~\1D\E0\9E2\C7K*Y\B4\17\BC\D2l\F7\B9\\\D6\F5\87s\7FO\03\DC\06\1B\0EX\7F{\EB\ED\E3\09\FDX\FF\02\B0\E9\A5\F0\1A1\EB\ED.\BF^\15\07\0C\91\08U\1C\88XE\15\07\12\C9aU\1C\9C\B2*\0ELO*w\DA\AA88\B9\8A\83\BBZ\C5!\9B\C2\A7\D7\CBy\15\07'Wq\18\88\8D\C6(\94-\9B\82\CC\83}\CE\161\C5\A3]tJ\03\9F\12\C0=\04U7\89-\84M9e\F9\B5\0AC\C8\AABe\D6CUu\E2\18[U]|+_=\C3\08\AD\D5\8B\AAF\CE\19\D0\81\D3rn\00\CF\19P\01\80`\AD\A8(\95+Q\D4Q\B0\14s\06\DC\F5\9C\01\86\D58\C1^~dr7\C8\19\18\C9\8D\EE\9C\81\16QVk\C4\C7\ABWs\E1\BB\AB\C0\7F\15\D4\CA^D-</w:t>
            </w:r>
            <w:r w:rsidRPr="00910B4C">
              <w:lastRenderedPageBreak/>
              <w:t>\B0\A0\0B\B5\F0\8C\C9`\E0\94\81\C1\92\F4\C8\15%r%\8Az\11\B5d4#U\E0\E9\D6(|\82\BD\FC\C8\E4\14\9D\E88#\B9F\D4B_\DB\9C\FC\D6\FB\B01\F1\8E\F7eA\1B\85\AB\BE{]w\BC\AB9|b\95\BA7\C26\E7\AFnc\06C\0C\03\8A\D6Y\A2\08n\8C-2\08*s\B2\AB2\A2\A2T\AEDQf\FB\91G/\A18Ak\BA5\0A\9F`/?29C\E5\1CV\E5*\D1\BA\AEO\CC\11KD\AF\DB\98\F0\99\AB\BE\F1ac\9E\BF\F8x\05?\86Z\C18]\A8\85gL\06\03e\0E')\D2\C8\15M\EA\14\95=c\19\CD\C8%!\BA5\0A\9F`/g\C5\1B\19:\D1qFr\8D\A8\15\9C\D98\88\C6\C1\9D\D8\98\01bU\D8J&lt;\A6X\A7\E2\AB_+\E2@\98\949\DBxle|Q\E6l\C7A0'j\0B\E6\C4A0G\06Hz[Rv\B6\E3 \9C\13\07\E1\1C:\CEH\AE\12\08\EB\FA\14\9B\0D\88\14\E1\AF\D0o(\E7Mq\15\E9\05\E0\F4[U\DD\E4\02\D6Ew\DEX\FB\01SZgE\96XA\A2\B8\84-{\BA\D5&gt;@\D6\B4\DA\D1\BA\D1\C6\B8\97\EEB\B1Z1\E5TWI4\0A\B89\90\C8{\9C ]\B2A\90\1F\99\DC\1B""Okb\A7\10\E7\A2\9B\F3`3\DE\063\D9\B8\CBR\E5\0C\AF/\A6l\0D\AB\F9\A5\AE(v\8Cn\AA\B3\E3\\7\85_\03\AAc\C2k\0D\F8y\FF\8C\94Au\CC\F1\92?.&lt;\8B\AD\CE\E5-f\B8\BC\DA\B0\B9\E4+\CB\EB\87&lt;\91\A2)$\13\87\803\81\8C\19\D4\F3j\A0\DA;\19\AA\BD\93\A1:\80\88\C9\031\1DE\0BT#\0A\C4\\M\D2\AA^\D9TO\1D3bN\AEyz?\BC\BE\C0\FB\CEV\8C\DE\9A\8A\D7\EE=n;\A4nV0\04y\05C\90W0Fq\A9\06\E2\10T\AF`}gD\08x\BBopz\AC\CA\D33\C1\ABK\C6\F53x\DF9|C\EFU\C5\D5\AC\C1\9B\AF\C5\08\0A\DBxP\85\AD\D6\9E.|\0A\BB\C3\EE\B1\C0\BF\DD\C5\F8z\EE\00`w,\F1LA\8E\9C\9B3Z\BA\ADm\DEu\16\07\F5\F1r\DF\BB\D5\D9;]\ED\08l\F0\C3\E5\CD\11\EDc\8F\AF.xK\BAN\1F\02\DE\A9rE\AB\B6\BA$OD\B6S\F9\90NUkt\9D5l\E4\E6\CB\14\D9\EB</w:t>
            </w:r>
          </w:p>
        </w:tc>
      </w:tr>
      <w:tr w:rsidR="009F1CC8" w14:paraId="5BFB7430" w14:textId="77777777" w:rsidTr="009F1CC8">
        <w:tc>
          <w:tcPr>
            <w:tcW w:w="1418" w:type="dxa"/>
          </w:tcPr>
          <w:p w14:paraId="3DCE0267" w14:textId="4B7DDF02" w:rsidR="009F1CC8" w:rsidRDefault="009F1CC8" w:rsidP="009F1CC8">
            <w:pPr>
              <w:rPr>
                <w:rFonts w:ascii="等线" w:eastAsia="等线" w:hAnsi="等线" w:hint="eastAsia"/>
                <w:color w:val="000000"/>
                <w:sz w:val="22"/>
              </w:rPr>
            </w:pPr>
            <w:r w:rsidRPr="00247E8E">
              <w:lastRenderedPageBreak/>
              <w:t>2022/07/14 09:58:11</w:t>
            </w:r>
          </w:p>
        </w:tc>
        <w:tc>
          <w:tcPr>
            <w:tcW w:w="1560" w:type="dxa"/>
            <w:vAlign w:val="center"/>
          </w:tcPr>
          <w:p w14:paraId="233EFE64" w14:textId="5FF2EC2D"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42B1F50E" w14:textId="055B6799" w:rsidR="009F1CC8" w:rsidRDefault="009F1CC8" w:rsidP="009F1CC8">
            <w:pPr>
              <w:rPr>
                <w:rFonts w:ascii="等线" w:eastAsia="等线" w:hAnsi="等线" w:hint="eastAsia"/>
                <w:color w:val="000000"/>
                <w:sz w:val="22"/>
              </w:rPr>
            </w:pPr>
            <w:r>
              <w:rPr>
                <w:rFonts w:ascii="等线" w:eastAsia="等线" w:hAnsi="等线" w:hint="eastAsia"/>
                <w:color w:val="000000"/>
                <w:sz w:val="22"/>
              </w:rPr>
              <w:t>1997</w:t>
            </w:r>
          </w:p>
        </w:tc>
        <w:tc>
          <w:tcPr>
            <w:tcW w:w="1418" w:type="dxa"/>
            <w:vAlign w:val="center"/>
          </w:tcPr>
          <w:p w14:paraId="4012F2CD" w14:textId="1EA2059E"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31F97EB6" w14:textId="48BE383E"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4B7ED698" w14:textId="542B91A1" w:rsidR="009F1CC8" w:rsidRDefault="009F1CC8" w:rsidP="009F1CC8">
            <w:pPr>
              <w:rPr>
                <w:rFonts w:hint="eastAsia"/>
              </w:rPr>
            </w:pPr>
            <w:r w:rsidRPr="00910B4C">
              <w:t>POST //Ax1B0uP5st0749djK2wCx.php?x=LAPTOP-EP2J5DTH HTTP/1.1\0D\0AHost: 51.210.22.64\0D\0AConnection: keep-</w:t>
            </w:r>
            <w:r w:rsidRPr="00910B4C">
              <w:lastRenderedPageBreak/>
              <w:t xml:space="preserve">alive\0D\0AContent-Length: 207888\0D\0ACache-Control: max-age=0\0D\0AUser-Agent: Mozilla/5.0 (Windows NT 6.1) </w:t>
            </w:r>
            <w:proofErr w:type="spellStart"/>
            <w:r w:rsidRPr="00910B4C">
              <w:t>AppleWebKit</w:t>
            </w:r>
            <w:proofErr w:type="spellEnd"/>
            <w:r w:rsidRPr="00910B4C">
              <w:t>/537.11 (KHTML, like Gecko) Chrome/23.0.1271.97 Safari/537.11\0D\0AContent-Type: multipart/form-data; boundary=----</w:t>
            </w:r>
            <w:proofErr w:type="spellStart"/>
            <w:r w:rsidRPr="00910B4C">
              <w:t>WebKitFormBoundaryxjWaBRokVrsGecoq</w:t>
            </w:r>
            <w:proofErr w:type="spellEnd"/>
            <w:r w:rsidRPr="00910B4C">
              <w:t xml:space="preserve">\0D\0AAccept: text/html,application/xhtml+xml,application/xml;q=0.9,*/*;q=0.8\0D\0AAccept-Encoding: </w:t>
            </w:r>
            <w:proofErr w:type="spellStart"/>
            <w:r w:rsidRPr="00910B4C">
              <w:t>gzip,deflate,sdch</w:t>
            </w:r>
            <w:proofErr w:type="spellEnd"/>
            <w:r w:rsidRPr="00910B4C">
              <w:t xml:space="preserve">\0D\0AAccept-Language: </w:t>
            </w:r>
            <w:proofErr w:type="spellStart"/>
            <w:r w:rsidRPr="00910B4C">
              <w:t>en-US,en;q</w:t>
            </w:r>
            <w:proofErr w:type="spellEnd"/>
            <w:r w:rsidRPr="00910B4C">
              <w:t>=0.8\0D\0AAccept-Charset: ISO-8859-1,utf-8;q=0.7,*;q=0.3\0D\0A\0D\0A------</w:t>
            </w:r>
            <w:proofErr w:type="spellStart"/>
            <w:r w:rsidRPr="00910B4C">
              <w:t>WebKitFormBoundaryxjWaBRokVrsGecoq</w:t>
            </w:r>
            <w:proofErr w:type="spellEnd"/>
            <w:r w:rsidRPr="00910B4C">
              <w:t>\0D\0AContent-Disposition: form-data; name=""file""; filename=""20220713124959_6\E6\9C\88\E5\AF\B9\E8\B4\A6\E5\8D\95.pdf""\0D\0AContent-Type: application/pdf\0D\0A\0D\0A%PDF-1.7\0A\0A4 0 obj\0A(Identity)\0Aendobj\0A5 0 obj\0A(Adobe)\0Aendobj\0A8 0 obj\0A&lt;&lt;\0A/Filter /</w:t>
            </w:r>
            <w:proofErr w:type="spellStart"/>
            <w:r w:rsidRPr="00910B4C">
              <w:t>FlateDecode</w:t>
            </w:r>
            <w:proofErr w:type="spellEnd"/>
            <w:r w:rsidRPr="00910B4C">
              <w:t>\0A/Length 84654\0A/Length1 548312\0A/Type /Stream\0A&gt;&gt;\0Astream\0Ax\9C\EC\BD\0D\90]\C7u&amp;\D6g~\DE\BB\FF\F7\FD\CF\1F\06\F3\80\07\0C@\0EA\90\04\09\FEH\96F$\01\12$A\81\04!aHQ\02\08\FE\882hR&amp;E\9A\B2e\C1\B2eI#s\AD\CD\EEz\BD\95\ECf]Y\DBI*\B1\07\B2\CA&amp;\95-\D7\BAj\B5IU\A2\A4\\\D9T\EDV\C9\B5\FE\89\13\EFVi\CB\A9x\D7Nmy'\DD}\FB\BC\FB\DD\F3\FA\BE\01\E5\A4j\AB\12&lt;\F4\DC{\FB\E7\F49\A7O\9Fs\FAt\BF\FB\14)\A5\06\FA\CF\9C\BAt\EA\FE\07\9F\BA\F6\CD\BF\F3\1F\A9\E6_\FC\03\A5.\7F\FA\D4\FD\8F=\F0\A1_\F8\B3\\\CD-&lt;\A5f\FF\E0\DCC\0F\9E:\FD\DA\B5\D7~R\05O\BF\A1[\ED\7F\E8\FC\85\FB\BFw\F4\CF\FF7\FD\FC7\95\9A=y\F6\D4\93\0F\A9\81\86\18&lt;\FB?\E8\F2\E4\A3\E7\8F\DF\F1\E4\EF\FE\DC\BCR\F4'\FA\F9\D2\95W.\BF\16\FD\DA\</w:t>
            </w:r>
            <w:r w:rsidRPr="00910B4C">
              <w:lastRenderedPageBreak/>
              <w:t>FF\FA?)\FA\F9o)5\FF_^y\F3\8D\E1\DC\B7\E9\BB\8A~\F9)]\FE\ED\17_{\E9\95\EF&lt;\FF\AD\7F\AB\E8o]R*\FD\D7/]~\FD5u^\DD\AEA\1F\D2\E5\BD\97\AE\BE\FD\E2\AF~\E5\97~U\D1\AF\B4\94\FA\95\7F\F6\E9\17.?\FFg_\F8\F5Oj\F8Wu\F9\C9O\EB\8C\19\FAx[?k\FC\D5\A1O\BF\F2\C6\8F}\F6o\9C\FAK\A5f\1EV\F4\CE\D5\AB\AF^\B9\FC\EA\FD_\FAc5\F3\98\C6\E7\F7\FF\EC\95\CB?\F6\DA\EB\FF.\FBot\FD\FFN\D7\1F\BE\F2\C2\1B\97\7Fn\FE\CB\DF\D2\F4$\FA\F9\C5\1F\B9\FC\CA\0B\FF\F5\F9\7F\F3%5{\EC{J\05G_{\F5\F57v\BF\AF\12\8D\CF\9C\A9\FF\DA\8F\BE\F0\DA\13O\E4\FF\BB\A2\FF\EC\9C\EEc\EEM\DD?\FD\81\FA=]~\8F\E9\FFM\DD\FF\1F~\FF_t\F4\F3't\7F\7Fay=\7Fko\F0\D9\DF\FD\95O\E5\1F\FC7*6\19J\FD\D6/\DE\7F\CD\\\BF\F7\8FU{\F7\DF\EF~O\E7~\CF\F0O\CD\A8\E2\9F\A9\F6\BD\DD\EF\A9C\A4t\F9\9FS\91\03\FF&gt;\F6C&amp;\E7\B5\B7\D5\7F\A2\12\9B1\A3Z\EA\B8\FA\AA\BE\F9\BD\F4_\DB</w:t>
            </w:r>
          </w:p>
        </w:tc>
      </w:tr>
      <w:tr w:rsidR="009F1CC8" w14:paraId="15A916F4" w14:textId="77777777" w:rsidTr="009F1CC8">
        <w:tc>
          <w:tcPr>
            <w:tcW w:w="1418" w:type="dxa"/>
          </w:tcPr>
          <w:p w14:paraId="58A52FA6" w14:textId="7896DF3D" w:rsidR="009F1CC8" w:rsidRDefault="009F1CC8" w:rsidP="009F1CC8">
            <w:pPr>
              <w:rPr>
                <w:rFonts w:ascii="等线" w:eastAsia="等线" w:hAnsi="等线" w:hint="eastAsia"/>
                <w:color w:val="000000"/>
                <w:sz w:val="22"/>
              </w:rPr>
            </w:pPr>
            <w:r w:rsidRPr="00247E8E">
              <w:lastRenderedPageBreak/>
              <w:t>2022/07/14 09:58:12</w:t>
            </w:r>
          </w:p>
        </w:tc>
        <w:tc>
          <w:tcPr>
            <w:tcW w:w="1560" w:type="dxa"/>
            <w:vAlign w:val="center"/>
          </w:tcPr>
          <w:p w14:paraId="5421E7D1" w14:textId="4480850E"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33C72813" w14:textId="117D3E75" w:rsidR="009F1CC8" w:rsidRDefault="009F1CC8" w:rsidP="009F1CC8">
            <w:pPr>
              <w:rPr>
                <w:rFonts w:ascii="等线" w:eastAsia="等线" w:hAnsi="等线" w:hint="eastAsia"/>
                <w:color w:val="000000"/>
                <w:sz w:val="22"/>
              </w:rPr>
            </w:pPr>
            <w:r>
              <w:rPr>
                <w:rFonts w:ascii="等线" w:eastAsia="等线" w:hAnsi="等线" w:hint="eastAsia"/>
                <w:color w:val="000000"/>
                <w:sz w:val="22"/>
              </w:rPr>
              <w:t>1997</w:t>
            </w:r>
          </w:p>
        </w:tc>
        <w:tc>
          <w:tcPr>
            <w:tcW w:w="1418" w:type="dxa"/>
            <w:vAlign w:val="center"/>
          </w:tcPr>
          <w:p w14:paraId="7A5930FF" w14:textId="0CD1D637"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4AB9AD82" w14:textId="6913A8EF"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50422C44" w14:textId="267EB7BD" w:rsidR="009F1CC8" w:rsidRDefault="009F1CC8" w:rsidP="009F1CC8">
            <w:pPr>
              <w:rPr>
                <w:rFonts w:hint="eastAsia"/>
              </w:rPr>
            </w:pPr>
            <w:r w:rsidRPr="00910B4C">
              <w:t>E\F39\073\CFv\18\11|\EB\E4\CF\DF\E60\9B\F78l\E6\FD\0E\97y\BF\F5\A4#\D6|\DA\91d\BE\E0h+\17\13\B4\87tg8\1F\C1\\\10\1C\DD \9D\0Ei\BF~\07\9F\93\02\F4s)\C2e\E7\0D\BF?\06\FF\0C\A0\D48\B2\08&amp;\03=\1D d\1D\1D9\CAz\82&lt;e+\82%\DF1\C42\D4\A2\C0Y\AD\18\C1\97\F6\F9/y\97c8\82\CF\E78J\1D\15\08xN\00;\1A\86\E0\AB\EB\A8q\8CG\90\1B\1C\93\09.:\A6#\84\9E)\1D\F5\8E\B9\04\0B\CC\9B\11\9A\CEL\8E\C5Jg\C72\A5\DE\B1\12\01d\B8\06\C1\B1^\1EF\B0\09\FA@Xo\9EA\B0\C9&lt;\8F`\AB&lt;\93`\87\\@\B0\1B\DAE\D8\07\B2=\E88\E28\0Eu\00B\F76:\EB\00\F8\CEb&gt;_\ED;K9N\85\C3\09\9Fy\0D\0E&amp;I\8A\FE\DF@\9Fe\89\80/\1Af#\07\F9\C0y\1A\CB\E8O\03~C\7F\109\C4\FF\8Cj\C5\E8=@\EF3\DE\83\D80\0D\F0{\86\8BX\92\C1=\09\8B\D5\97\00\EE\A6\EF\02\B85a\07a&amp;p\1Aa(\E3=\C6\1EG\9A&gt;\AFal=bc*a\17b\03\E5\D2\08\99a)\95Y@\9C\D3\C4q\10}\0C\DA\F9\14z\96\BCK\A9\E5\7F\EB\13h.\E3a\9Cz*s\91\E6\F2\03\ACK\FFU\06\DB\B9\0F1\D4C\9Az\D1\1D\01&lt;\1E\EE\FF\90\BF\87\F8\7F\85\1</w:t>
            </w:r>
            <w:r w:rsidRPr="00910B4C">
              <w:lastRenderedPageBreak/>
              <w:t>6\CA\F5 \19\E9=\AA\B5^\F7k\C4\DE\DEL\E2\1E\FDZ\E0\B7\F5\BE\84\92\D1\EFC\DC\18\0F\9C%\FA\1F\03}\AA\D1F4\DCeK\CB\F5\FF\05\E5\0B\1A\9F\02\DC\D6h\00&lt;\DF\DB\1A\F8\93\F4\D0\1A\AF\F0\FE\0B\E8\8DHK\A9\86\9F`y\E2\A4\1A\EB\01/\D2\AD\03|\C0\DB\0E\F0l\DDh\C0;\1B\7F\86c0\FE\8D\D6h\1E\8E\19i)\95=\8B\FC\B0\D6\C8A,\1D\D0\7F\84-4~L\E5\91\7F\D6\AB\A7\F2\ADi\16z\CC5$c\CB\FAe\C81\FC\85\CA\FC\8B\E6\F5c\A2\E3\88\BF\90h\94\CF\87\C6\1FB\EE\D3X\86{\0C\E9@/c\0FP\99=\C4\F9\8C\FAz\0E\E7\EB\CD \8C\AD-1\0C\C6y\19\F0\99\C3\DB\86X\A0gQ\AD\B7\8D\FDQ&amp;\FA\E1\881\97/\D0?\C6$}W\EFJ\9C\91\1E\FBZ\8E%A2\DF\A1\DC\E7\81.\D3\8Fb\92.\CB\FB\1C\D1\AF\93\ACP\CEG\A9/\8F\1E\F5\F0\C8\7F\0E\90\FCQ?O\11\9D\AA\FF-\ADT\16\961&gt;E\A3z\95Z~\95t\1B{\9F\A2\EF\0B8\0C\DBag\8D\E1\C4\7F\1F\CBP\CB\A7\0C\E3\00\D74~B\B9$O\A3\19\CA\CB\86^\88\B5U3\FC\1D\F0k\C8\91^\F3\0E\A12/\03\DD_\F7g(\A3\F3ND\99\EB\1F\A25\C5\F2\1F\19J\1176P_sp\B4\FAB\E0\A40\B4\AF\0F\0D\A8Q\09\06\90\8F4\8CY\11\936.\F2\B6\84\D6r\F4\B4\9AH\B3\F1\8D;\A8\85\17\09\C7\E1h\F5SH\1F\1E%}x\94\E8nDw\A3\D5t\91\0E\B8\A8\9D\1D\88\0D%\A4o\07H\D3f\E0j\1A\97\D2j\1E&amp;ZO\F4$\D2\8D\C5\A4\ED\9Dp\F5\BD;\A9\B5\D9\94\DB\83r\0D\94\1BA\12\DE@\EB\8Ex\09\E5.G\0C\B6\B0\9Fp5\F1\13\88\86\F2\ECD\D8S4S\\\F1Y\D8&amp;\E06\C8A\0C\DA\82-\FC\09\EB\B2\B7\C3L\80\D7\1A\C1\8FI\C5\A4K\7F z\0C\D5=Ccnk\98\85\B6\D6\F8{\C2`#&lt;\BA\F1C\E2\CF!K\ECGZ\01\BE\85\EFm\FC?\C2\F1\B4\82\B3Q\BB\FE\83\1AXf\18\80\BAD}\9D""\09\9C5\96\11&amp;\9AFu\D6\F0\06\CD\1D{OE\1B\97\CA\10\83\95m$\9D\E9\09x\0D\B6\09r~\1Bt;\8D\D6}\B9\C1\0E\BD\98\C9\8Edc\15\B5\09\E3\94\FE\12\96A4\EA\D8{\8D\</w:t>
            </w:r>
            <w:r w:rsidRPr="00910B4C">
              <w:lastRenderedPageBreak/>
              <w:t>E8\7F\96\D3\A8&amp;\19\B2\D1K\10\9Ed\A8%\BA\96\D64\12\E8\1E\DE\ED\E47\AC\A4\ABV\E2\1C\A4\BA\D54\AAj\AA\F5\1D\AA\F5\1Dl?l(a\1C\ED\834\DA\E7\BCF\D4C\B4&gt;\E9##\AE\E6s\8D^\A2{\E0\DCQbR\8A\F0\00\F9@\B7D}\962\BD\EF""F\FD\01|\9A\B4\E8\1E\C2/#6\B6\A1Y\7FL\1C\F0\FC\DC\86\FB\05\E8\18\FA\B1\03\E8\C7\C0\16~J\FA\F6.Ir4\95lCe\CE\90\84{\90.\91n{U\1C\8F\EE5\C0\BFl\04\EF\C4\0B\F9\8BH\FF\E7'4\F2""\E4\E8\12h\ED\FEC6\1EO+\FE\7F$\07\\_]c=\AE\0B\F9\EA\F5\8D\13h\F5]\B4^*\C9\E7\A7$\1F\C4\FD\0D\B8F\09F\D4\A5a\A8E\A0\D5}i$\FF$&lt;\90|]&amp;\F1g\12\FE)\8D\F0&gt;\E2\DFO\9A\BF\94V\F90\CE\85,\E5O\8D\9F\D2\A8\06Q\EE\B7H\D3~C\B3\FE\16\EA\98\F1\14rP\BB\A42Z\C1I\86\EF\D1x\BEG\DA\F5\09\AD\E9\1FiFO\D1\8C\10\DB\F5\BF\C1\F6\0D\0F\92o\E9N^\05u\B27\B5\F0QX*iH\01\AD\E3S\A4W?!\CD\D7S\EF;\C9?\1B\C9\FA\9C\D4{\0E\E6\86q\B2\CA-d\AD\87\A9\F7\97H\9Fi\A7\D3v\19\E3,\E2\CC\A2\B5{\93\FC\FF\A3D\FF/\D1=IJ\AB\09O'\EC$M\A0\F5\D5W\D1z=L\EB\E5&amp;\FA\11\A2\A3h$'i]\FEJ\F8c\B2</w:t>
            </w:r>
          </w:p>
        </w:tc>
      </w:tr>
      <w:tr w:rsidR="009F1CC8" w14:paraId="08BB89F9" w14:textId="77777777" w:rsidTr="009F1CC8">
        <w:tc>
          <w:tcPr>
            <w:tcW w:w="1418" w:type="dxa"/>
          </w:tcPr>
          <w:p w14:paraId="12E257D9" w14:textId="2D4B2FE5" w:rsidR="009F1CC8" w:rsidRDefault="009F1CC8" w:rsidP="009F1CC8">
            <w:pPr>
              <w:rPr>
                <w:rFonts w:ascii="等线" w:eastAsia="等线" w:hAnsi="等线" w:hint="eastAsia"/>
                <w:color w:val="000000"/>
                <w:sz w:val="22"/>
              </w:rPr>
            </w:pPr>
            <w:r w:rsidRPr="00247E8E">
              <w:lastRenderedPageBreak/>
              <w:t>2022/07/14 09:58:12</w:t>
            </w:r>
          </w:p>
        </w:tc>
        <w:tc>
          <w:tcPr>
            <w:tcW w:w="1560" w:type="dxa"/>
            <w:vAlign w:val="center"/>
          </w:tcPr>
          <w:p w14:paraId="1050E512" w14:textId="3244D86E"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0A7090B9" w14:textId="162FB441" w:rsidR="009F1CC8" w:rsidRDefault="009F1CC8" w:rsidP="009F1CC8">
            <w:pPr>
              <w:rPr>
                <w:rFonts w:ascii="等线" w:eastAsia="等线" w:hAnsi="等线" w:hint="eastAsia"/>
                <w:color w:val="000000"/>
                <w:sz w:val="22"/>
              </w:rPr>
            </w:pPr>
            <w:r>
              <w:rPr>
                <w:rFonts w:ascii="等线" w:eastAsia="等线" w:hAnsi="等线" w:hint="eastAsia"/>
                <w:color w:val="000000"/>
                <w:sz w:val="22"/>
              </w:rPr>
              <w:t>1997</w:t>
            </w:r>
          </w:p>
        </w:tc>
        <w:tc>
          <w:tcPr>
            <w:tcW w:w="1418" w:type="dxa"/>
            <w:vAlign w:val="center"/>
          </w:tcPr>
          <w:p w14:paraId="1B6CD0FE" w14:textId="3F22CF3F"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389A5433" w14:textId="35756F1E"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139CFDA6" w14:textId="665B96DD" w:rsidR="009F1CC8" w:rsidRDefault="009F1CC8" w:rsidP="009F1CC8">
            <w:pPr>
              <w:rPr>
                <w:rFonts w:hint="eastAsia"/>
              </w:rPr>
            </w:pPr>
            <w:r w:rsidRPr="00910B4C">
              <w:t>\08i&gt;$\D3d\B9\D4&lt;!\ACxVe\94\C6,\F5m;\C2\F2J\EA\15O\98\0D\B5\94\C9\B4\92G,\1B*x\C6\09\F0\0F\8D\9A\86\87\AC|B\D5\E5\D4\F5X\AF|\08%\8E\E2\01\E2\CD\\\DCi\AF\AF""jV\B3\C3\01\D4D\D6\90\ACCQ\82f\DA\AE\14\D84q[N\F1J\90\FB\0F\EC\BF\E2\EF\05h~\1B\F1\0E\95\E1K\AF\0CKp\BA\B4\97\9A\8BxR\E6\D4\D8\CC\F2"",SCon\D8\B6\8C\C5\12F""`\184\0F\B9\E79\B8\98\11\CE\F8_I\B0\F1\97\86\B4\9F\10h\FF\00\06\FCuy\A4j\D6\90\DF\D9\DC}\8B\C1\09\E6\C1*\07\8D\F6\B2\86\19V\07\04\023\C8\15\DB|;\F8S\E1?\88\DE\17Mj\DFE\D4\B4\9F\F4\BB\CB\09\ACu\1D'\C3\BE|\13\DA\DDKm27\95\A7\C8\87\12B\F8*\EC\08\C1\CD|\85\F0\BE\C6\C2\7F\0E\F8C_}&gt;\CAK\94\9F\C2z\A4w\92\FC4\D6/5H\E1\B0\B4\D2\92d\83S\8E\12\A8\ACl\A6\DA\A9\1C\88\E1\CF\EF\00\94\94\FB\0F\F6t\F8\85\05\DF\C3{\AB\A8L\B1\C3s\E2_\11\\\A2\</w:t>
            </w:r>
            <w:r w:rsidRPr="00910B4C">
              <w:lastRenderedPageBreak/>
              <w:t>DCB\F0J\16Mj\F5\C0x\DC\07F\C3r\AC\01\07\82\01\A0\0D\FF\00\F8g\0F\0D\FF\00\CF\AC\9F\F8*\D0\BF\F9YG\FC3\87\86\FF\00\E7\D6O\FC\15h_\FC\AC\AE\BB\FE\13\C4\FF\00\9E\8B\F9\D1\FF\00\09\E2\7F\CFE\FC\E8\19\E5^9\F8O\E1_\0B\E8&gt;,\B4m\16\1B\CB\97\F0\86\B1\A9[Ou\A7\E9h-\E4\B7\FB:\AB'\D9\ECbp\FF\00\E9\19\0D\BF\03oBH*V\CF\C4\8Dxkp\F8\A3\0C\1B\CA\F8}\E2.\9E\EFa\FE\14P#\E6\FB\1F\DA\A2\CA\0F\0C\E9\DA[\F8oU\B7\B9\B5\D3t\DD5\EF4\EDf\08\CC\8Bd\97\0A\87d\B6R\85\DCn\\\91\C9\F9P\03\C1\DD_\FE\1Af\CB\FE|&lt;W\FF\00\83\DD;\FF\00\95TQ@\07\FC4\CD\97\FC\F8x\AF\FF\00\07\BAw\FF\00*\A8\FF\00\86\99\B2\FF\00\9F\0F\15\FF\00\E0\F7N\FF\00\E5U\14P\01\FF\00\0D3e\FF\00&gt;\1E+\FF\00\C1\EE\9D\FF\00\CA\AA?\E1\A6l\BF\E7\C3\C5\7F\F8=\D3\BF\F9UE\14\00\7F\C3L\D9\7F\CF\87\8A\FF\00\F0{\A7\7F\F2\AA\8F\F8i\9B/\F9\F0\F1_\FE\0Ft\EF\FEUQE\00\1F\F0\D36_\F3\E1\E2\BF\FC\1E\E9\DF\FC\AA\A3\FE\1Af\CB\FE|&lt;W\FF\00\83\DD;\FF\00\95TQ@\09'\ED3\A7\AE\9D\E2\18\D3A\D6\EE\EF5]\0E\F3CI\B5-j\D5\E3\B7\8E\E3\CB/ Hl"",\C0\C4\9C\16\C6\01\F5\CD\14Q@\1F\FF\D9\0Aendstream\0Aendobj\0A16 0 obj\0A&lt;&lt;\0A/</w:t>
            </w:r>
            <w:proofErr w:type="spellStart"/>
            <w:r w:rsidRPr="00910B4C">
              <w:t>BitsPerComponent</w:t>
            </w:r>
            <w:proofErr w:type="spellEnd"/>
            <w:r w:rsidRPr="00910B4C">
              <w:t xml:space="preserve"> 8\0A/</w:t>
            </w:r>
            <w:proofErr w:type="spellStart"/>
            <w:r w:rsidRPr="00910B4C">
              <w:t>ColorSpace</w:t>
            </w:r>
            <w:proofErr w:type="spellEnd"/>
            <w:r w:rsidRPr="00910B4C">
              <w:t xml:space="preserve"> /</w:t>
            </w:r>
            <w:proofErr w:type="spellStart"/>
            <w:r w:rsidRPr="00910B4C">
              <w:t>DeviceRGB</w:t>
            </w:r>
            <w:proofErr w:type="spellEnd"/>
            <w:r w:rsidRPr="00910B4C">
              <w:t>\0A/Filter /</w:t>
            </w:r>
            <w:proofErr w:type="spellStart"/>
            <w:r w:rsidRPr="00910B4C">
              <w:t>DCTDecode</w:t>
            </w:r>
            <w:proofErr w:type="spellEnd"/>
            <w:r w:rsidRPr="00910B4C">
              <w:t>\0A/Height 19\0A/Length 1316\0A/Subtype /Image\0A/Type /</w:t>
            </w:r>
            <w:proofErr w:type="spellStart"/>
            <w:r w:rsidRPr="00910B4C">
              <w:t>XObject</w:t>
            </w:r>
            <w:proofErr w:type="spellEnd"/>
            <w:r w:rsidRPr="00910B4C">
              <w:t>\0A/Width 36\0A&gt;&gt;\0Astream\0A\FF\D8\FF\E0\00\10JFIF\00\01\01\01\00x\00x\00\00\FF\DB\00C\00\03\02\02\03\02\02\03\03\03\03\04\03\03\04\05\08\05\05\04\04\05\0A\07\07\06\08\0C\0A\0C\0C\0B\0A\0B\0B\0D\0E\12\10\0D\0E\11\0E\0B\0B\10\16\10\11\13\14\15\15\15\0C\0F\17\18\16\14\18\12\14\15\14\FF\DB\00C\01\03\04\04\05\04\05\09\05\05\09\14\0D\0B\0D\14\14\14\14\14\14\14\14\14\14\14\14\14\14\14\14\14\14\14\14\14\14\14\14\14\14\14\14\14\14\14\14\14\14\14\14\14\14\14\14\14\14\14\14\14\14\14\14\1</w:t>
            </w:r>
            <w:r w:rsidRPr="00910B4C">
              <w:lastRenderedPageBreak/>
              <w:t>4\14\FF\C0\00\11\08\00\13\00$\03\01""\00\02\11\01\03\11\01\FF\C4\00\1F\00\00\01\05\01\01\01\01\01\01\00\00\00\00\00\00\00\00\01\02\03\04\05\06\07\08\09\0A\0B\FF\C4\00\B5\10\00\02\01\03\03\02\04\03\05\05\04\04\00\00\01}\01\02\03\00\04\11\05\12!1A\06\13Qa\07""q\142\81\91\A1\08#B\B1\C1\15R\D1\F0$3br\82\09\0A\16\17\18\19\1A%&amp;'()*456789:CDEFGHIJSTUVWXYZcdefghijstuvwxyz\83\84\85\86\87\88\89\8A\92\93\94\95\96\97\98\99\9A\A2\A3\A4\A5\A6\A7\A8\A9\AA\B2\B3\B4\B5\B6\B7\B8\B9\BA\C2\C3\C4\C5\C6\C7\C8\C9\CA\D2\D3\D4\D5\D6\D7\D8\D9\DA\E1\E2\E3\E4\E5\E6\E7\E8\E9\EA\F1\F2\F3\F4\F5\F6\F7\F8\F9\FA\FF\C4\00\1F\01\00\03\01\01\01\01\01\01\01\01\01\00\00\00\00\00\00\01\02\03\04\05\06\07\08\09\0A\0B\FF\C4\00\B5\11\00\02\01\02\04\04\03\04\07\05\04\04\00\01\02w\00\01\02\03\11\04\05!1\06\12AQ\07aq\13""2\81\08\14B\91\A1\B1\C1\09#3R\F0\15br\D1\0A\16$4\E1%\F1\17\18\19\1A&amp;'()*56789:CDEFGHIJSTUVWXYZcdefghijstuvwxyz\82\83\84\85\86\87\88\89\8A\92\93\94\95\96\97\98\99\9A\A2\A3\A4\A5\A6\A7\A8\A9</w:t>
            </w:r>
          </w:p>
        </w:tc>
      </w:tr>
      <w:tr w:rsidR="009F1CC8" w14:paraId="61E34E0A" w14:textId="77777777" w:rsidTr="009F1CC8">
        <w:tc>
          <w:tcPr>
            <w:tcW w:w="1418" w:type="dxa"/>
          </w:tcPr>
          <w:p w14:paraId="1DA8BF92" w14:textId="1E16ED0A" w:rsidR="009F1CC8" w:rsidRDefault="009F1CC8" w:rsidP="009F1CC8">
            <w:pPr>
              <w:rPr>
                <w:rFonts w:ascii="等线" w:eastAsia="等线" w:hAnsi="等线" w:hint="eastAsia"/>
                <w:color w:val="000000"/>
                <w:sz w:val="22"/>
              </w:rPr>
            </w:pPr>
            <w:r w:rsidRPr="00247E8E">
              <w:lastRenderedPageBreak/>
              <w:t>2022/07/14 09:58:12</w:t>
            </w:r>
          </w:p>
        </w:tc>
        <w:tc>
          <w:tcPr>
            <w:tcW w:w="1560" w:type="dxa"/>
            <w:vAlign w:val="center"/>
          </w:tcPr>
          <w:p w14:paraId="6DC9FAA9" w14:textId="75349375"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78A20F31" w14:textId="7D09ED3B" w:rsidR="009F1CC8" w:rsidRDefault="009F1CC8" w:rsidP="009F1CC8">
            <w:pPr>
              <w:rPr>
                <w:rFonts w:ascii="等线" w:eastAsia="等线" w:hAnsi="等线" w:hint="eastAsia"/>
                <w:color w:val="000000"/>
                <w:sz w:val="22"/>
              </w:rPr>
            </w:pPr>
            <w:r>
              <w:rPr>
                <w:rFonts w:ascii="等线" w:eastAsia="等线" w:hAnsi="等线" w:hint="eastAsia"/>
                <w:color w:val="000000"/>
                <w:sz w:val="22"/>
              </w:rPr>
              <w:t>1997</w:t>
            </w:r>
          </w:p>
        </w:tc>
        <w:tc>
          <w:tcPr>
            <w:tcW w:w="1418" w:type="dxa"/>
            <w:vAlign w:val="center"/>
          </w:tcPr>
          <w:p w14:paraId="7C2DB6EB" w14:textId="00DEE8D9"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00CF59C6" w14:textId="02977C6A"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2DB3B2E9" w14:textId="62B787E1" w:rsidR="009F1CC8" w:rsidRDefault="009F1CC8" w:rsidP="009F1CC8">
            <w:pPr>
              <w:rPr>
                <w:rFonts w:hint="eastAsia"/>
              </w:rPr>
            </w:pPr>
            <w:r w:rsidRPr="00910B4C">
              <w:t>\1C\FA;c\18\C3\18\C6\F0\95\82\C3kc\18\C3\18\DE\01~v\0Cc\18\C3\D7\02\F6n\1D\C3\18\BE(\F8\91\AB\E0O\DE\09\8E\BCg\0Cc\18\C3\18\BEZp\F4\D0\17\0D\7F\FA\8D\07\C7\DE\1E\C3\18\C6\F0\F5\0A\C7\E3?'\FC-\84\13\F3_3\F8\97c\F8\DA\C0\C9\8D1|]\C2\FF9\86o\048\F5\D7\C70\861\8C\E1\DD\01\D7-}\09\F0\B9\AF'8\FDg_*\\\FF\C6\18\C6pf\FE\EB\16~\FD\DD\09g\BF{\0C\DF\A0\F0\AF\C60\861|\B5\E1\86\BF2\861\8Ca\0C\DF\08p\EEo\8Fa\0Cc\18\C3\D7\05\FC?c\18\C3W\1Bn|\EE\C6\E7\CEw\BF\01\E0\B3c\18\C3\18\BE\DE\E0\A6\97&gt;\1F\DC\DC\B5\F0\E6\18\C6\F0\AE\86\FFx\CB\9B\16\FE\DF[?\C6p\DB\E65\E0\D7n\FB\B5\0B?\FE\E5\C3\ED\DF\FE\D5\84;\EEy\F7\C2\9Dj\0Cc\18\C3\9D\FF\F8\EB\1F\EE:\FB.\85?\1A\C3\BB\1F\EE\FE\A91|\BD\C1\C5\851\8Ca\0Cc\18\C3\18\BE\E2\F0\DF\8Ca\0C_+\B8\E7\AE/\09\FE\87o\1E\B8\F</w:t>
            </w:r>
            <w:r w:rsidRPr="00910B4C">
              <w:lastRenderedPageBreak/>
              <w:t>7;\C70\861|u\E1\BE\D65\E1\E7\BFX\B8\FF?\19\C3\18\C60\861\8Ca\0Cc\18\C3\18\C60\861|#\C3%1\86/\0B\0E~\11p\F1\D2\8Bc\18\C3\18\C60\861\8Ca\0Cc\18\C3\18\C60\861\8Ca\0Cc\18\C3\18\C60\861\8Ca\0Cc\18\C3\18\C60\861\8Ca\0Cc\18\C3\18\C60\861\8Ca\0Cc\18\C3\18\C60\861\8Ca\0Cc\18\C3\18\BE~\00\00\D6\1A\BF\09\0D\C0\9F#\FA\17\DF7\A0\AB\FF\C3\F7M\E8\C1)\F7\BE\15|\DE\0E\DEw \86s\EE}7\F8\BC\07\DBp\97\BE\AB\D1\16\FA\BF\E7\E0\C3\EE}C_\FFo\DD\FB&amp;\A4\F0\07\EE}+\F8\BC\1D\BC\EF\C0\04\FC\99{\DF\0D&gt;\EF\C1\C3\8D\DC\BDOZ\DF\D3x\DE\BDO\E1\FE\F6g\CD\FB\A8\AD\FB\FD\B1\CEy\F7\BE\01\ED\CE\EF\BA\F7M\FD\FE\7Fr\EF[\C1\E7\ED\E0\BD\EF72\B3\E5\CF}\BF\FA}\04g;\BF\EF\DE\8B\E0\BD\82\93\DD%\F7&gt;\A6\F7y\9B\F1\90\07\E3\C9\83\F1\E4\C1x\F2`&lt;y0\9E&lt;\18O\EE\C6\F3s\0B7\BD\FC\CA[\AF\BD\F0\DE\E7\DFXx\E4\C2=\17o\BBr\FB\C2-/&gt;\FB\F4\1B\AF\BD\FC\D2\0BO\EB/w\17\F6\0E\1D:\BC\AD_\F7\0E\D9\D7\C3\97^\F8\C0\A57_\BA\FF\D9\F7\BE\F9\E2\93\AF=\F4\ECk\AF\BF\F0\F2K\0B\C7v\0F\9F|\E0\B5'\9Fy\F6\03O\BE\F6\FE\85\97\9F{\87\C6\B6\17\CE?\FB\C2\FB^x\E9\BD\F0s\B0\007\C1\CB\F0\0A\BC\05\AF\C1\0B\F0^x\1E\DE\D0\9F=\02\17\E0\1E\B8\08\B7\C1\15\B8]\FF\7F\0B\BC\08\CF\C2\D3\FA\BB\D7\F4\D5/\E9+\9Fvw\EE\EA\BF{pH\C3aM1\F8\DE\FC\F2\FB\C3pI_\FF\01\FD\FA\A6\BE\F3~\DD\CE{\F5\BB\17\E1I\DD\D6C\FA\BF\D7\E0u\FD\BDiu\01\8E\E9\F6\0E\C3Ix@\7F\FA$&lt;\A3\BF\FD\80\BD\EE\FD\FA\BB\975\F6\BF\B8\91\991\9C\D7\DF\BE\00\EF\D3\BF/\E9~\EF\B6\DF\9B+_\B7\ED\99\B9\BE\AEG\F3\8A\86\17\F5w\CF\EA&gt;\17\F4\E7\A6\A57\EC\DC\AE\E8\F7o\EA\BFf\1Co\E9\BFo\EA\EB\9F\D5\7F\DF\D0\98zA\BF\E7\AB\CDg/\EBW\D3\FE\B3\FA\EA7\F4\AB\19\C13\F6\BAW\EC\8C\DF\B2\9F&lt;\A9\AF7\FD\BCbq\8E\F7&gt;\EDZy\D6\FD\FF\A4m\FB\15\8B\9F\0F\E8\AB\DE\B0\DF\99\BB\9E\B2\E30\FD\9Bq\BChgd\EE\A2q\E1\1D\AF[\8C</w:t>
            </w:r>
            <w:r w:rsidRPr="00910B4C">
              <w:lastRenderedPageBreak/>
              <w:t>\BDv\D5'\CF\F99l\FB\FF\A9\ADka\E7\15\FB\FF3\FA\1E\83\E3m\8B/\D3\DE\07]\BF\DB\BE\9F\FD3x\C1\AE\E8\87,\9E\9E\D6\AF\D7\C6\D9\87\DCL\CD\D5O\EB\D9\BCiW\FD\99k\E2\DE\DC\F3\A2}\B7\A1\AF?\A0\FF\1A\FAx\CA\E1\E5Z\AD\E3\18\BET\DCr\EB\CF8\FAY\B0k\FB\BA\A5\B6\17,F\90r\AF5\03\EA\FD\EAq\9D\0Eh\C0\CC\04\E7\F2\86\ED\EF\15\8B\CD'm\FB8\D7g\F4'\1F\B23\7F\D9\F2\C4\E7\A3\BD'kT\F5\AC]\97\97\DD+\CE\0A\DF\BF\A9\FF{\C5\BE.\D8\D1\D2jR;\E6\CA\17\F5\15\9F\8FF\CD\0A\DD\A8\DF\BD\B5\AFu\E2\90\17\1C\96\0D\FD\98\F1&gt;e1\8Dk\FB\BC\C5\F9+p\1D\1C\D4\F0!\0B\BBv-\EA\F4\B7k\FB\FC\80\BE\E6\0D\DD\8F\C1\CD{-v^\D1-\BC\A5?\A5\F9\BF\FE\17$\C9\12\90\8F^\BE\E7\D2\B3\AF&lt;\FD\D2\9B\87/\8D.\FE\FC\C5\9D\E7\AA\8B;\CF\F7\DE&lt;\F6\E8\BD\F7\FC\BB'^~\EA\A3\EF=\F8^\F1\C3\F7\DE\F7\E2\A5?{\FA3\F7|\E2P\F3\D1\EF\BB\E7\D2{N~\EF?\DD'\89\CC\C8\9E\B7#x\AF\1E\D9\0B\EF0\B2\D7\FD\D8\AE\8D\B1\8F\F86\DEr\F4\F8\BA\C7\99\F9\FB\92\D62\F6\E7s\7F\A05\D9\B5~\B4\1E\D3:HB\A15\D4i\C8&gt;\F79\C8\AC\05\F0\BB\9F\FB\1F\D1\A4\F8\DC\E7\1A\0Do]\D0O\AB\E1o\7F\D7\FF\8C\A0\0Fk\1A\CF\F3\F0\1E\8D\D9\C3n\AD\0F\BA\D5?\A2\D7\DF|z\DE\C2\11\FD\BB\A7\E1&amp;\0D\C7\E0\84\FE\7F\0F\B6`\00C\DD\C6\D3\F0\84n\E5\80\FE\7FS\DFs@\FF\1A\D8\B0\AF\AB\EE\BFu\FD\BBe</w:t>
            </w:r>
          </w:p>
        </w:tc>
      </w:tr>
      <w:tr w:rsidR="009F1CC8" w14:paraId="29A36EFB" w14:textId="77777777" w:rsidTr="009F1CC8">
        <w:tc>
          <w:tcPr>
            <w:tcW w:w="1418" w:type="dxa"/>
          </w:tcPr>
          <w:p w14:paraId="6835C037" w14:textId="6AEFBDE7" w:rsidR="009F1CC8" w:rsidRDefault="009F1CC8" w:rsidP="009F1CC8">
            <w:pPr>
              <w:rPr>
                <w:rFonts w:ascii="等线" w:eastAsia="等线" w:hAnsi="等线" w:hint="eastAsia"/>
                <w:color w:val="000000"/>
                <w:sz w:val="22"/>
              </w:rPr>
            </w:pPr>
            <w:r w:rsidRPr="00247E8E">
              <w:lastRenderedPageBreak/>
              <w:t>2022/07/14 09:58:12</w:t>
            </w:r>
          </w:p>
        </w:tc>
        <w:tc>
          <w:tcPr>
            <w:tcW w:w="1560" w:type="dxa"/>
            <w:vAlign w:val="center"/>
          </w:tcPr>
          <w:p w14:paraId="711BF9C2" w14:textId="088CAF1A"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59498A60" w14:textId="18262717" w:rsidR="009F1CC8" w:rsidRDefault="009F1CC8" w:rsidP="009F1CC8">
            <w:pPr>
              <w:rPr>
                <w:rFonts w:ascii="等线" w:eastAsia="等线" w:hAnsi="等线" w:hint="eastAsia"/>
                <w:color w:val="000000"/>
                <w:sz w:val="22"/>
              </w:rPr>
            </w:pPr>
            <w:r>
              <w:rPr>
                <w:rFonts w:ascii="等线" w:eastAsia="等线" w:hAnsi="等线" w:hint="eastAsia"/>
                <w:color w:val="000000"/>
                <w:sz w:val="22"/>
              </w:rPr>
              <w:t>1997</w:t>
            </w:r>
          </w:p>
        </w:tc>
        <w:tc>
          <w:tcPr>
            <w:tcW w:w="1418" w:type="dxa"/>
            <w:vAlign w:val="center"/>
          </w:tcPr>
          <w:p w14:paraId="754E6B4D" w14:textId="0AB64FC2"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5C774E6D" w14:textId="0F1E7AE7"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68088356" w14:textId="35E4BCA6" w:rsidR="009F1CC8" w:rsidRDefault="009F1CC8" w:rsidP="009F1CC8">
            <w:pPr>
              <w:rPr>
                <w:rFonts w:hint="eastAsia"/>
              </w:rPr>
            </w:pPr>
            <w:r w:rsidRPr="00910B4C">
              <w:t>\97\A8K\F9 \C5\DA\A3\F1\B4\17\AC\E2\C0^{4\96p5\F7\B0\92\E8\B4\98k\CDc\15=\E3\10E=(\FE\95\0C\E8\D0\A0B\F9\CF\9E\C8\96\DC\10kP\AC\C3\CA'\C5\03\07\\A\CE\EE\B5\D02\D8\0B\F6""\EEp\C2\CD\87\A8\17\08\F4\DB\C3\EB\88\A9\C7\EE\1A\05\9Eu\8E\AFQEh\0F\84\A8\A2""\0F\D7`\D2M\F4\AC\93u\10\18y=\99|d\DD\D8Xw\EF@\04\88i\B6\A7;b\14\CD\10\1F!\87\7F\11}`;@\C2F\F1\15?\9D\83\B2M%w4\A2\C1C!6YZ\01\91\82EQ\A3\A2\0DQ\8Bs3\15\A6\D0\80Z\B7\06b\12\0D\9E\DA\8C</w:t>
            </w:r>
            <w:r w:rsidRPr="00910B4C">
              <w:lastRenderedPageBreak/>
              <w:t>w\C9%\88\E2\AC+\01\9D&gt;\D8]\05\7F\B5\E3\83S\1DAC\B1\7F\D0\C6\15jmi\9F\94L\B2\DE\B6U;zg,\ED~:\96/\A7}\DET\B5\925\0B1\BBkM\BC}\A2\E6\E1\EB\EF\DA\EC-Xdw\AE7I\C6\0A\FDi{\D8\9F\EB\EC\AC\D9:F\B2.\8D\862\0B\D1\CAP67T\F0k-6\A3\96\B4A,b\10R=\F9\C2P\CEg\D1P\D4\D9\BF\D6\E9""\ED\AB\C2\8E\9155\92D\98m\F5\B9\974$\A4\C3\061\AD\847\E5@\CD6d#\F7\E4@w\A3A\04$\09\04!\90\EEY^\9C\AB\87\9B\85-\EA\18K\83\B4\14\000\B9\0C\91B\A3\B1\A1\0E\EA\05HN\8F\BA""1\B4\FEW\A3\04\A9\07\B5\17l8\BE\04\F0\B2\FF\08\1F\97\B0\B2\9F\C7?\CF\05\B1q8K-\09\09\BB\A8A\83&lt;\90t\\f\ED\12XF\F1=\90\8C`\F3\D5J\D4\7F\CB\B4\C5\19px{\86\86\E55\B7m)\86\EB\C3\E3c\A1\F6[\DB\85\B0\CFe\0E3\BE\\\DF\E4\CD\A3\BB\9E\F8\F0\FAu\F7|\ED\AA\D1\DD!A\B4\B2Z\0D\CF[4a\F2~[2\9DvzS""\D7\B8\FE\8BW\ED\F8\F0\EE\DE\A8%^r\C4\E2i\B7\9Dk\1F\18l\97\87\EFxr\DF\FEo\1F^\17\B4\B0F\9A\D4X$\1F\E2R\0F\E4\D2\AD\90\B6\FCD\99\D8\A9x\EF\C9\80\F6\0C\A8\A7\EFN\93\ED1p\A7\01\0C1`\90\02\03\D0J@\ED\12\E0\92R\F2H\F2XR\93L:\AB~\BE,;\C5p\84\17-l9\17\F1\89\C4J""\03\B9\85\9F\CE\A9?\89p\DEjX\824\88\8EVBq\80[A\A3\12\11&lt;M\DA\EE\FF\B7#\83\\r\A8\DAu\E3M\B74\9A\DB\D3m\01#\17\AEFA;+\A7r.\DF\C4\E4\F65\B9\BE\EB\8Em\B7\C4\E3\11\96za\EC\FD_\9E\8C\EE\BCrw\12\B2\B6F6K\A5(yS\A6M2\84\CF^C\D1Z\CA\12mL\DD\B1\E9\CA\CF_\DB\0D(\0A\9A\FCD\05\F2\D4\1EX\EF2\B1W\A9F#\B2\C5b\E5y\19\AD\AC%\C9@\963\D5R&lt;\A3\17\E4\8Cl\95\AD\82\18\89Z\80\050lD\10\98\B8\18e\99Hi\B9\B2xa5\95\12Z\04\01r\8Bs\\\AB\EE\90\18\8A\88""\8AH\E3@\CD\E1\82$\015?\EA\F2X\89Ww0\0C\C04@\AFl\13\AA\C8\CA\DA|\DFh\E8\1F\BF\D5\AE\F85H\EA2\C1\DE\FA)\CA\91I\AC+N\0Cuz\E4\8EE}\1E\D6\97\F6\94R\D4\0B\BF\EA_\1D\D25o\F6\A6\DB\FC\CD\FB\E5z\C2\D9&lt;%\A6\BCFSj\B</w:t>
            </w:r>
            <w:r w:rsidRPr="00910B4C">
              <w:lastRenderedPageBreak/>
              <w:t>C\FF\9C\1C\C8\D5=\E4\A5\E8h\18\D6\1EI\94&gt;X\FB\0C\B1E\89\99\CD&lt;\C7e\08\09\C0\BFH.%ED\C6%G\CC\84\99\A0\F5\11\17\E7\E2D:\92\123\C8\C0\F2K\A2\A8\1AX\0BjU\CFW\F8\99\A5\1A\CF\17qua]\CFW\B5\B6\B2\AA\17\D8`A\AA/\A6\B1'\07\AB\CD\BF\8A\D7c\0E\8D,\93\E6h\7F\ED\C3:_W\B5\19lkH\B4NT\DA)\89\\\C8\0Fd\1C\CD\83\8C\D8Ui\DE\97\EA\8Cp\CD\B3\10\B3zd\D9\99\E9\83p+\DE\97\F7\84[\DC\FE\A9\15\DC\DE\9E\03mYPO\82A3\B8\92BL\0Fmh\BF,{\15\01\08B\8F\01Q\B5\15q\BBW\14\09\9F\CF\AAC\DC\8EY\FD1\975""#f\87\A2\B2QR\B9=\F7,6,1\B3?\8B\81 f\F6\16m\87W\B2:\AC4\AF\CEL5S\0E\07\06\08\EF`y\8D'\EC\E8\DEx\ED\F0\EE\8Fn\CFD\1A\EB6o\8D\CB\DD\E5$\07\11\D5\C3\DE\\\D8\B6\E9\DB3w\BEp\FF%#\1F\F9\C7;\AA\FBJ6\8130V\A7IGF\C8/W.\1F\C9N\DC\F9\85\89u\EF\DF\BD:\E74\F26\06h\06\BAH\D8z\C6`g\E1\0F\F9\DA\A5\F7\9C\DC\B9\FB\9B\9F\D8fw\E8\0D:\D2\E2\10\F4H\16\0A\90\DB\91&amp;\E9 \AEU:tN\A7\EC\D7\DB-2\E1\F7\A7\BB\8A\B1tE\EE\10\E54\11\B1\88\011'\8E\89\87\C5\A3\A2\AE\D1*\FCP\D4\8Ab\A4R\D4\EBD\1A\9A;\0B\A7d\97=&amp;:#\90\1CZvM\13nQ\C3\EC_@\F4\F0\D3%\16\98[l\E5\90""*j\9F\BF\D3\1E\0F:\DEI\19\0E\15[\F5\E9\C4\AE*\F8y\A5[b\8D\A1\AEbS\F2V\D2\DE\A6\9F\96\1A\F5\A6\BB\D6\08\D0\B4\D8h\03\BF\AC*\92\9Et\BC\1E\EB\CDz\C2a[j\B0\B4\F8\AF\95\81\04/\CB:_G\05\04\16\13\BD9H,\9E\\o\82\8C R\0A\87\9D\D9\81\EC\AFP\AB\C4\E0f\01\B6\8A\97\88+F</w:t>
            </w:r>
          </w:p>
        </w:tc>
      </w:tr>
      <w:tr w:rsidR="009F1CC8" w14:paraId="55C40D86" w14:textId="77777777" w:rsidTr="009F1CC8">
        <w:tc>
          <w:tcPr>
            <w:tcW w:w="1418" w:type="dxa"/>
          </w:tcPr>
          <w:p w14:paraId="7DE56CDF" w14:textId="01042B23" w:rsidR="009F1CC8" w:rsidRDefault="009F1CC8" w:rsidP="009F1CC8">
            <w:pPr>
              <w:rPr>
                <w:rFonts w:ascii="等线" w:eastAsia="等线" w:hAnsi="等线" w:hint="eastAsia"/>
                <w:color w:val="000000"/>
                <w:sz w:val="22"/>
              </w:rPr>
            </w:pPr>
            <w:r w:rsidRPr="00247E8E">
              <w:lastRenderedPageBreak/>
              <w:t>2022/07/14 09:58:12</w:t>
            </w:r>
          </w:p>
        </w:tc>
        <w:tc>
          <w:tcPr>
            <w:tcW w:w="1560" w:type="dxa"/>
            <w:vAlign w:val="center"/>
          </w:tcPr>
          <w:p w14:paraId="658E911C" w14:textId="1F5DB6F4"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2961C0CE" w14:textId="6940699B" w:rsidR="009F1CC8" w:rsidRDefault="009F1CC8" w:rsidP="009F1CC8">
            <w:pPr>
              <w:rPr>
                <w:rFonts w:ascii="等线" w:eastAsia="等线" w:hAnsi="等线" w:hint="eastAsia"/>
                <w:color w:val="000000"/>
                <w:sz w:val="22"/>
              </w:rPr>
            </w:pPr>
            <w:r>
              <w:rPr>
                <w:rFonts w:ascii="等线" w:eastAsia="等线" w:hAnsi="等线" w:hint="eastAsia"/>
                <w:color w:val="000000"/>
                <w:sz w:val="22"/>
              </w:rPr>
              <w:t>1997</w:t>
            </w:r>
          </w:p>
        </w:tc>
        <w:tc>
          <w:tcPr>
            <w:tcW w:w="1418" w:type="dxa"/>
            <w:vAlign w:val="center"/>
          </w:tcPr>
          <w:p w14:paraId="262E6C50" w14:textId="67205DA3"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5DFE0BDB" w14:textId="5FB5197E"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7619C5BE" w14:textId="2325F417" w:rsidR="009F1CC8" w:rsidRDefault="009F1CC8" w:rsidP="009F1CC8">
            <w:pPr>
              <w:rPr>
                <w:rFonts w:hint="eastAsia"/>
              </w:rPr>
            </w:pPr>
            <w:r w:rsidRPr="00910B4C">
              <w:t>\B2\8F\1B\8F\8Bptqt\89\88D\BF\8F~/\\\FA\164\A6\1A\7F\E7\BB\EE\8De\A2\AA\F1\9E\F1\A58\DD\BE\CB\BEK`\A5\98\B8\88\B8Y$Z\C4\BE\8Em\A56\C3\C3\BD\F8\86\CF\F0\BB\CC0\ECo\FA\0C\FB\B5\A3\91\F3\18c\BC1\89R\9Ba\CC&amp;Y-0^3\96\18\CB\8C\15\C6*\E3Sc\BD\F6_bl2\B6\1A;\8C\DD\08\B3\8Cl\EDO\0A\BE\89\FDL\9B\FCw\98\8E1\C6\CC1s\CD\AAl\93o\0D\8</w:t>
            </w:r>
            <w:r w:rsidRPr="00910B4C">
              <w:lastRenderedPageBreak/>
              <w:t>5\95|\EA\A8t\C8^E!\EAS\E8\DDfC\B3\09\C5\9Bd6'|+\8CMf+\B3\AD\D9\81B\CD5\D6\9B\1D\CC\CEf7\B3\10\EF[\CD&gt;\E4\D3\DF\1Cl\0E3G\183\CCQf7\0A=\D6\9C@a&amp;\9B\D3\98Rs&amp;\C70f\9BEd\13-\E6&lt;\9DR\86\ED\A7\0F\B6\A6/Ig""\FD\04\BE2\EC2\E46\BCL\B9\8D'\1As\89\E7\84\BC\16\1EP^\90\13\E4\93\EB\97O\BA\\\CA+\8F$\1D\09zuzI\F9j~\92\F2ZD!W\99\C5\F4^d.'\BC%\E4\1Aa\BCf\AE\E6\9C$Jf""\E6\A7f\1D\B2\17\10\05\F3\E0\9Aa\AE57\9A\9B\CD\11df\1AS)\E52\F4)AW\A2|Q\1F7Y^T\09\A2\12(\12\BB\13\C4n@\ACQ\15\05\A92%\B0\FA[\DD\B3\BE\0F\EB\C4\F9\7F\08.\89\F0\EF\09X1U\1E\D5~\88}\EF\03\F6\86?\F6:\88O\D3\CA\B5H\DC\E0\BE\0F\BB\0A\F6\A9\9D\8CX/L\A5\97\E0\DE~\0C\7F\1A\AFC\C6\C8\7F\16\BE\B6DH\B5\9B\E1\0B\C0\08\C2\D4\00T3\8F\D8%\B0\17\BB1~\EA\8E\F0C}5\0C\D6\B9K&gt;\AF3\B1g\02g4\A8\95\E3jg\80:\AF\81h\8E%Vg\E3v{]\C3\E8\15\BEX\D3m.\03T\BB4x\CD\B5\89\D09\E0\83%\7F;\D54fZ-\C4\F5O\84\EB)\E3\89\F0\B5\E1\AE\E1\1E\E1\DE\E1[\C3}\C2\B7\85\FB\86\EF\88~\1B\FDN\E3\A8H1\EB\88:\C0\D2\EF\90\B0\D4? \16\DE7r\F8p\8D\DB/\AEDK\D2L\8D1\8C\09\07Y\17s\EA3Iwgb\A7w\E9g^\19\FE\FC\CCL\0B\A7B.\84\99yP\B8\16\E1\99\97\863\11\B6\18\DF\96'\DB\B5\DD)]\D5\B7^\15\A4\CA\8E*\05(w)\CDQ}\84;\B4t$vn\A4r\A0\0A\C6\1E\A9\EF\86\08\19O\18O\08\81\FF=\A4}\A7}\A70B-C-\85I90H\04H\EA\DF\8A\EA\D1\EFH\F6\A7\C6\FE\13\DB&amp;j\A4\E1\AC\A4\FB\C5\ED\0E+\D6\\j\83\AB\E2i\7FX\F1\D6@\A9Pc\C2\FE\E46H\07\1F\17\02\DA\17-Sb\D5tx\FFw\86\1B|2hG2\E8\98\16\EE\E7\D3\EA\C7\BD\7F\0AJ\8E \05%\A5t\CA\9F\FE{\FAkM\B2\F3i\84Pi\BF2=\D4|\E3&gt;Y=z\BA')92\E9\D4\11\16\D5Q\FC\F4\D4\B3\0BG*%Un\DA\1D\11\9DQ\A5\A7=\99NG\0C{U\9Ckp\F8\B1W\A1\1C\A8FO\072\9D\8F \FEj8[\FB\F0\E3\CF\136\8D\85\F8\E9H\A6\C</w:t>
            </w:r>
            <w:r w:rsidRPr="00910B4C">
              <w:lastRenderedPageBreak/>
              <w:t>B\11H\E1HhN\C9\11\D5\9C\92#\AA9%GXsJ\8E\B0\E6\94\1Cq\CD)\C9\D2\FE\1F*\E6\F7\B2\B6\FF\87\0Bkf\FB\7F\B8\F0\B2\04:\EB\9A}@\12g\C4x:\D9\7F&lt;\89\FA\8F\ABDMc\B5\B1^\D476R_\F2&lt;{\A0=P\\\80\1Ee3\F4(/D\8F\B29z\94\BC\8B;f\DF\19\BE.\DC%|}\F8\86p\B7p\CFpa\F8\96\F0\ED\E1\FE\E1\01\E1A\A0\C1/\A9\B1ZR\03\0E\81\A3_\8A\E2D.\8C\D3\B9p,\D0\CC\FD\91\02\EA\91T\D2\14\EF\AF\8FW^\9C\AA\F7\D1+\D9\FB\18p\D8\FB\04\E5\A5$\D1?\E9\9D\EC\9F\FCz\B4pY\AA\96Q\96TY;\B8\12\D1\F10\94\88\83K7\A1\D7\9D\0E\83^\1F&lt;\C7\B5\88\E7\EA\A5\A4\96h\E3\0F\8E\87\AE\C9\B6t\C0a\EAc\947\FDDk\D8-\D9\1A\FE\D2\14\1CH\96%\BF\B2,K~uY\96\1C\94,\C7&amp;[\F1c\A7m\1A\97\EC!\1C\0B4'\F2y&lt;\FA\90\C7\0A\D5\DC\FA\F5\F2\8D\BD\7F\ED\D6\AF\B7ot\FE\EB\D1\92O\BD\F5\02z\FA\90)\D4\FFf\FFz\D4p\F9\EDxX\CA\EF\CFiI;\1D\96Rxp)'\CAR\E7\C3R\96\0E&gt;\EDnz\1CX\E50\D6\D7\CF\94\9B\025V\EC\8E\B1b\97\A4\F6\FD\B24T\15A\8AY\83\CAb\0D\9CgY\F5W\A1\825\B0\ABoN\E1\D7\E9\07u\F3\CD\0A\FC\D2\14$\E6\0D\12\DA\F0k\D0pdr\A1\E4W\CF\85\92\A3 \17\CAG\83\9A\A3O\AC\D1\F3\F7\86\9F\14\FC\9FYS*\AD\FD\C5\0ArW6\9E$l\9D}\F8n$\8C7\11\CE\9B\C3\BD\80\B7\1F0\DF\A9q3\F5\E5\F8\7F-\BA3\BAS\B4A\DF\E2rQ\99O\02\82\11\DA\CE4\B6\B6\03\DA6\C9\18\BE\EF\FExVF\DC+\03\83\02C\03\C3\C9\8C\0C\8C\A1g|`R`*\99\19\81\D9\F4\8C'3\17.\F5\B6 \F0\1A\99%\FAmh`\19\E2\A9\B7\15\E4^AO\E2m\AEv\97\0E\B9\BFx\EA\DB\92dz\AB\C8(\0A&gt;%{*\BD/\09\AC\0Fl\A2o[\89\EA\AD\81\1D:\E4n\8A\B7\DB\12Y\A9Vo</w:t>
            </w:r>
          </w:p>
        </w:tc>
      </w:tr>
      <w:tr w:rsidR="009F1CC8" w14:paraId="2AF36E66" w14:textId="77777777" w:rsidTr="009F1CC8">
        <w:tc>
          <w:tcPr>
            <w:tcW w:w="1418" w:type="dxa"/>
          </w:tcPr>
          <w:p w14:paraId="5D479F20" w14:textId="116FA09F" w:rsidR="009F1CC8" w:rsidRDefault="009F1CC8" w:rsidP="009F1CC8">
            <w:pPr>
              <w:rPr>
                <w:rFonts w:ascii="等线" w:eastAsia="等线" w:hAnsi="等线" w:hint="eastAsia"/>
                <w:color w:val="000000"/>
                <w:sz w:val="22"/>
              </w:rPr>
            </w:pPr>
            <w:r w:rsidRPr="00247E8E">
              <w:lastRenderedPageBreak/>
              <w:t>2022/07/14 09:58:12</w:t>
            </w:r>
          </w:p>
        </w:tc>
        <w:tc>
          <w:tcPr>
            <w:tcW w:w="1560" w:type="dxa"/>
            <w:vAlign w:val="center"/>
          </w:tcPr>
          <w:p w14:paraId="1FB0797A" w14:textId="419FEA77"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5030F18B" w14:textId="2EF29C17" w:rsidR="009F1CC8" w:rsidRDefault="009F1CC8" w:rsidP="009F1CC8">
            <w:pPr>
              <w:rPr>
                <w:rFonts w:ascii="等线" w:eastAsia="等线" w:hAnsi="等线" w:hint="eastAsia"/>
                <w:color w:val="000000"/>
                <w:sz w:val="22"/>
              </w:rPr>
            </w:pPr>
            <w:r>
              <w:rPr>
                <w:rFonts w:ascii="等线" w:eastAsia="等线" w:hAnsi="等线" w:hint="eastAsia"/>
                <w:color w:val="000000"/>
                <w:sz w:val="22"/>
              </w:rPr>
              <w:t>1997</w:t>
            </w:r>
          </w:p>
        </w:tc>
        <w:tc>
          <w:tcPr>
            <w:tcW w:w="1418" w:type="dxa"/>
            <w:vAlign w:val="center"/>
          </w:tcPr>
          <w:p w14:paraId="00AF527E" w14:textId="2C5AF56C"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60FC5BF3" w14:textId="38860C9F"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4C60719D" w14:textId="0211CA49" w:rsidR="009F1CC8" w:rsidRDefault="009F1CC8" w:rsidP="009F1CC8">
            <w:pPr>
              <w:rPr>
                <w:rFonts w:hint="eastAsia"/>
              </w:rPr>
            </w:pPr>
            <w:r w:rsidRPr="00910B4C">
              <w:t>\CE \904p\BA\80\B8\9C\CE\84\F0\\lh\B4(-\EAtD\8B\9C\D8K\B1\EE\A8\0A\B8\1C\82Z\A5\02\88F\B3sT\D1\EF\A0""\ED**\0C\FA\FD\81\0D\81x`W`o\E0@@\11\B8/VBJ\88@\0F\A17\19\FDF\B30\D9x_q\CB;\A9\FED\CD\B9q\D8\9F\A6\D3@5\DE\D2.\E4\0C\B4#\E8V\C</w:t>
            </w:r>
            <w:r w:rsidRPr="00910B4C">
              <w:lastRenderedPageBreak/>
              <w:t>3\A4\83*W\ABU\85\11\19un\F4\9D,\D0\FDn\12\1D\9D\D3\17!`\D1\F4\DAi\8D1O\91\09\D5\10\92\12\A6J\A7\D3\\\E94Y*A\E5\ACt$\92{\B79*\1D\D1\B4\CA\D4\94\CE\\\13\C1)\DE\13\D3\11g\91\A8v\D9\05\EC\A1^\9C\03b\EAV\E4\89p\AE\C84\B8-\AD9j\15\B5:""\8E\12\EC\7F5T\81\A0\F6%1\A7a\07+E]\8E\F6\B2nm\AE&lt;@H\C0F\15^\DB\D7\B2\898\E2\E8\11OxB\B4+':%\D3\9Efh@\B3\8B\FC\9E\1C$\EDE\17d\DA\BD\E1\09EGwE/\08\D9\8F\FEUZ\F6\D5\F2\15\BE\BCp\B8\CC\BFX\\&gt;5'=;\FC\E5\DB\12\8B~\D5\D1\93\D1\F1\E5\1A\E4;\EC\95R\84&gt;\E7\87|\B295\0B\14\A2:pkUyQ\E12\E7R\CFR\EF\959m\85\B7{\95\97;\1F\CD\DC\99\F3\B6\E7m\EF[\99\0AW\B6\A90'\AB2\\\99=$'Z85\FB\A2\EC\B6\C2\F6B\ED\AF\81\B8\BD\B9\DE\06\EF\1B\AE\B7=\F2\C39\E4\F9\CC7\1Doe\BE\99\BD/\E7\F3L\857\16J\CFQ\19hw\09\12\9FG\19\08ag\B2\05B\90\EE\CF\CFK\CF\A9\09\8D\0F\09\A1\90\D2\96\97\83\93\A2\A0R\AA,\E06\B9\A3\EE\98\BB\CD-\BBG\17R5ehM9\14\92Xa\BCPX_\B8\ABpo\A1X\98O\14V\AB0\99\E8P\15GI)\87\04\8D\06\9D\C9$L6\B0D\83\9B&amp;\1A\EE+(L\90\EFn\09\B4 \1BE\CE=\82\B7\10\BB\0D\93\A82,FSz\1C}\8B#K,\F8\D4\C3\BCCMLA71\D3\9A*\0F\95\96J\D6k\90\A1\BC\99\B9\0E\AF3\9C\93\95\EB\C8*%\99^\14\D9\AE\BCR\12\F6\84J\8F\91\13\EA\07\A3']\1E3e\04\03\BE\D0\10)\98\E1\1F\02\01?\AA\E1\B4cb\F7a\CC\B5h1Y\8Cj\045{\D3Ch!mkMOW\D9\F2\12\CA?u\B6\DA\D2\98Ba\13d\95\9A\99\02*U\CA\14\880M\82\F2\D7\BF\F6!\D4\19\02%\F6\EE\09%\DB\9E\D2&amp;\98\9D@~\E2\CD\1AWv\F4\B1\D2)\E14O\F6\B8R\F2\A7\ED\AF\AC{\FB\D9\E2\C5\C3\CA\CFO\9F\7F\E7\A8k&amp;\95N\10\BE\D7\B5\AC\DD\97\1F\0E\0F\F6-\15[i\A8\A1\F3\8A\87\F6\1AFj4\F7\B77\DE\D9`\A5\AB\1Fh\07\C9\F3\B1\CF\E4@\990\8EqYg\A6\936t\985\F7\EA \B1\AC\CAz&amp;\F4L\818:\F3\A7\05\82\D3\E7(\9C\9B)\A2v\1F\CE\0A\8F\84F\B2PX\98\F9=</w:t>
            </w:r>
            <w:r w:rsidRPr="00910B4C">
              <w:lastRenderedPageBreak/>
              <w:t>\F2=a\89o\89\7Fy\F0\B2p\07Y\ED\BF\AB`#\D9\18~4\EB\F1\82d\A6M\E1\BF\86\DC\90yM\F6=\99\0F\92\9F\08\0Fen*x\A2`_\F4\8F\05\C9\02\BD\05m/\B7`\C9\C1~Q\\UX\15\9D\9ByQ\91&amp;O%x\BD\C4\E6\F3\18\03A\08\E7x@\E5\F3\18\02!\BB\CF\E3\0D\84bB~833(\10\B4\D7I\E6#\82_P\E6\E5&gt;\A8\A4\BD\C9A\AB\AB4)'(\9B\95\E2:\E5\06T3\C1\F3\88\B7,An\8E\19Kr\D2\D3\BD\82\D1`@\BDDe\09\D0\D7\95\1A\CB\A9\17\AB\1F_\0E\81M\01a&lt;R\95\10\D8f\AA \B1\8A\B6\8A\BD\15bE\99\8A\F5E\15k\07\15\EB\8B\AA\A0\DD\C6\FA\A2\8D%\DAX_\B4\DDW\DE\B2\83\B8R:koG4M_|d:j\93\B4\1F\16\A5\FAaQw?\EC\A6\B4C\A8YX*\A7/.\8A\1C\C5\04\97\DBth\B5\01I\0D9\8DX*\DD\D8\AFM8\91\EE\8A0+\A48\EA\A4=\B5\A08#\E4\0B\17\84\8AJIq\06\8A\C2`~)\842\A3\FE\92R\02\C7\14Z\9CF\17\A7\E6\D1Z\FA^d\98\19\06$\91&lt;\DC\99V\99\83\EA\E0\F644v\\4xx\9B\A92j2VB\AA\93\03%AT\BD:3\F3%\B4\EB\91\FA\F2\F3\8D^\A2\C2FT~\D5\D9\EA-I(\FF\80\9E\07\FB\EF\F6V\AF\90\A33\9AXW6\A6\BA2\ED\CB\A999B\17\A6\02\01\C2\BA\ED\FF\D5\AD\95\04\95dT\9FR\1D\1B\FB\B5&lt;\BF\EB\8E\AE\F2R\BF&gt;\C3\E4\CD\1A[\CE:\B8\CDK;\F8\1F\F6\BD\B8\F6\81\8D\C4\D9\DC\B1\F0\ABs\AC^\F5S\CF\AC\BF\BAj\96p\85@H\D7\F2\FE\DD\BC\E6g\CBV$\B2\BA\BEwm\A3N\B8\8D&lt;\FC\83\95\EB\AD8g\B7'\DF\93d\D4\B2\06\0Bw\B3~\EE\B2\DC\9EO\8C\C4H\17n\8CR\0E\E4\CA\91\F1d\BC\A06W%\C8\88\D8\DE\8A\C1\15n\D1#\CDp\CEp\CDp\CF\F0(d\BDl\80\BC]U\D2R\EDR\FDR\C3rc[F\9B\AF\AD\A8-z\BD\EAZ\EDj\FDj\C35\C6\D5\91\87\A5\87KM\16}\A9\BEL_\9E^\9A^\96^N\15\B9\02\C9\9F\E1\F7\E5\E6\16\94\0E%C\85\1A)\EA\8AfD}\D1\C09e\E7</w:t>
            </w:r>
          </w:p>
        </w:tc>
      </w:tr>
      <w:tr w:rsidR="009F1CC8" w14:paraId="5DFB9745" w14:textId="77777777" w:rsidTr="009F1CC8">
        <w:tc>
          <w:tcPr>
            <w:tcW w:w="1418" w:type="dxa"/>
          </w:tcPr>
          <w:p w14:paraId="57DF1B24" w14:textId="5DEE87F9" w:rsidR="009F1CC8" w:rsidRDefault="009F1CC8" w:rsidP="009F1CC8">
            <w:pPr>
              <w:rPr>
                <w:rFonts w:ascii="等线" w:eastAsia="等线" w:hAnsi="等线" w:hint="eastAsia"/>
                <w:color w:val="000000"/>
                <w:sz w:val="22"/>
              </w:rPr>
            </w:pPr>
            <w:r w:rsidRPr="00247E8E">
              <w:lastRenderedPageBreak/>
              <w:t>2022/07/14 09:58:12</w:t>
            </w:r>
          </w:p>
        </w:tc>
        <w:tc>
          <w:tcPr>
            <w:tcW w:w="1560" w:type="dxa"/>
            <w:vAlign w:val="center"/>
          </w:tcPr>
          <w:p w14:paraId="252116FC" w14:textId="099F082E" w:rsidR="009F1CC8" w:rsidRDefault="009F1CC8" w:rsidP="009F1CC8">
            <w:pPr>
              <w:rPr>
                <w:rFonts w:ascii="等线" w:eastAsia="等线" w:hAnsi="等线" w:hint="eastAsia"/>
                <w:color w:val="000000"/>
                <w:sz w:val="22"/>
              </w:rPr>
            </w:pPr>
            <w:r>
              <w:rPr>
                <w:rFonts w:ascii="等线" w:eastAsia="等线" w:hAnsi="等线" w:hint="eastAsia"/>
                <w:color w:val="000000"/>
                <w:sz w:val="22"/>
              </w:rPr>
              <w:t>61.139.20.110</w:t>
            </w:r>
          </w:p>
        </w:tc>
        <w:tc>
          <w:tcPr>
            <w:tcW w:w="850" w:type="dxa"/>
            <w:vAlign w:val="center"/>
          </w:tcPr>
          <w:p w14:paraId="017B9266" w14:textId="35098D13" w:rsidR="009F1CC8" w:rsidRDefault="009F1CC8" w:rsidP="009F1CC8">
            <w:pPr>
              <w:rPr>
                <w:rFonts w:ascii="等线" w:eastAsia="等线" w:hAnsi="等线" w:hint="eastAsia"/>
                <w:color w:val="000000"/>
                <w:sz w:val="22"/>
              </w:rPr>
            </w:pPr>
            <w:r>
              <w:rPr>
                <w:rFonts w:ascii="等线" w:eastAsia="等线" w:hAnsi="等线" w:hint="eastAsia"/>
                <w:color w:val="000000"/>
                <w:sz w:val="22"/>
              </w:rPr>
              <w:t>1997</w:t>
            </w:r>
          </w:p>
        </w:tc>
        <w:tc>
          <w:tcPr>
            <w:tcW w:w="1418" w:type="dxa"/>
            <w:vAlign w:val="center"/>
          </w:tcPr>
          <w:p w14:paraId="7CAC0627" w14:textId="4A75ECDD" w:rsidR="009F1CC8" w:rsidRDefault="009F1CC8" w:rsidP="009F1CC8">
            <w:pPr>
              <w:rPr>
                <w:rFonts w:ascii="等线" w:eastAsia="等线" w:hAnsi="等线" w:hint="eastAsia"/>
                <w:color w:val="000000"/>
                <w:sz w:val="22"/>
              </w:rPr>
            </w:pPr>
            <w:r>
              <w:rPr>
                <w:rFonts w:ascii="等线" w:eastAsia="等线" w:hAnsi="等线" w:hint="eastAsia"/>
                <w:color w:val="000000"/>
                <w:sz w:val="22"/>
              </w:rPr>
              <w:t>51.210.22.64</w:t>
            </w:r>
          </w:p>
        </w:tc>
        <w:tc>
          <w:tcPr>
            <w:tcW w:w="1134" w:type="dxa"/>
            <w:vAlign w:val="center"/>
          </w:tcPr>
          <w:p w14:paraId="6E7501B9" w14:textId="290CC7C2" w:rsidR="009F1CC8" w:rsidRDefault="009F1CC8" w:rsidP="009F1CC8">
            <w:pPr>
              <w:rPr>
                <w:rFonts w:ascii="等线" w:eastAsia="等线" w:hAnsi="等线" w:hint="eastAsia"/>
                <w:color w:val="000000"/>
                <w:sz w:val="22"/>
              </w:rPr>
            </w:pPr>
            <w:r>
              <w:rPr>
                <w:rFonts w:ascii="等线" w:eastAsia="等线" w:hAnsi="等线" w:hint="eastAsia"/>
                <w:color w:val="000000"/>
                <w:sz w:val="22"/>
              </w:rPr>
              <w:t>80</w:t>
            </w:r>
          </w:p>
        </w:tc>
        <w:tc>
          <w:tcPr>
            <w:tcW w:w="4252" w:type="dxa"/>
          </w:tcPr>
          <w:p w14:paraId="19D00FD1" w14:textId="7F8A0145" w:rsidR="009F1CC8" w:rsidRDefault="009F1CC8" w:rsidP="009F1CC8">
            <w:pPr>
              <w:rPr>
                <w:rFonts w:hint="eastAsia"/>
              </w:rPr>
            </w:pPr>
            <w:r w:rsidRPr="00910B4C">
              <w:t xml:space="preserve">\E3\A0\1DL0\14\04\DCL\10\83k\01\E4O\F1\BC\02\E6\8Ab9Y\072\A8\E4{\E4R&lt;d8\E5\8B\1B`\AE`!\B2 (DY\92\05Q:\00\85\C9]p\D9wX\0D\10\93\C6\D5\FA\F1X\FE/%\F9\86\AE\11\A4T\19 </w:t>
            </w:r>
            <w:r w:rsidRPr="00910B4C">
              <w:lastRenderedPageBreak/>
              <w:t xml:space="preserve">\8F\C5\80$\93I\DC\FB6y,\BDR\B0)*\89\97\96\16\BA\1D\85X\07\AB\E0?\84\F0s\98\88\FB\DD,T\82(\01\8CAw\18]&gt;\BA\89}\CBa|l\CF&gt;\95\10\FF\7F\1DW\9E\02c\FE\93\F3+\D3!\D8s\8E%\A90\EE\1B\C2p;\FC\FF\80x#\8C\96 \F9%\FA#\B0\CEu\E8\8F\C5k\1C\8F\E1s\D0\E9\B1\EE\D5\EC\\800|\8E\A2\12\CC\18\D6\A1\AB\C7\FD\FEA\F7\C1\F2z1\1Dfc~\DA\B1\B2\C0q\DAA\A6tm\EC\1B\C7&gt;\E2B\E78\D5\E79\D6G\FA\A5\FD\1C&gt;\05\0E\0E\0E\0E\0E\0E\0E\8ES\00\F2pr'\FC\97@\F6\FC\F7\D4\95\83\83\83\E3t\82@r\A7\0A\9D\098orpppppppppppppppppppppppp\9C:HO\C2\\\E0\E0\E08!\90{\80\83\83\83\83\83\E3\B8\10\DF\83\E1\C2\DBp\A9\F8\14\0C\17\AF\82\92~y\1FC\ED\B1\B0T\09\F3\84'a\02\FD\DF*1\01\E7\F6+\97\E8\FD\1F(\FA\BF'\D2o!W\F1\1Bt\0FCn\CF\FEA\D0\88\CF\83]\1A\09\A3\A5\9F\80[\BC\0D\CA\C5\19\18\DF\C2\E2N\C1\06\D9\AC\DCR\C8\16_\86l\D9\0DAL\B7J\ED0Z|\184\D29\90-e\80]8\02\E3\C47\A0\88\955\80\06\CEB\1Ck+\8E\B3\0B\C2\14p\A0\BB\1C\9D\05\DD\A0\AF\E5\85N\B4\1C\07\07\07\07\07\07\C7\99\06\CB8%!\04\E6\F7\A6LW\9D\93\81\C0\10\BA\91\C7R\0D=\F9N\80&amp;\88T\F6;J\C9\855\A3\1A\0E\CE\9E4\04f\8E\FC\CB\A4\0B/\BC\B0(X\0A-\F0M\83~\A7b\CE\9C\E3\E5\0C\A1b\0Epp|\1D\E4\1B)\CA\F1\FF\00e\19\0E\0E\0E\0E\0E\8E\81\873k~\E2\B3\ED\00\01\C9d\9A\0F\A1*PFwh\88+,\01\F8P'J#\B9\A4\18\0A\1C\19\18&amp;!,yr\F7\AD\18N'\08\E9\BD\D4c!\0E\0E\8E\B3\0B""\88\94\00\88,\8AD@""p\CA\BF\D7\EE\82\BF\AB\92\A0\02U\B2\0B\D4\A0A\A9aR\0B\DA\E4Q\D0\81\0E\A5\9EI\03\E8Q\1AQ~\05&amp;0\A243i\01\13J+\CA/!\0D\CC(m`Ai\874\94\0E\94\FF\04'\D8P\BA\C0\81\D2\CD\A4\07\9C\C9\7F\80\17\DC(\D3\99\CC\00\0FJ\1FxQ\FAQ\FE\1D\02\90\8E2\08&gt;\94!\F0\A3\CCD\F97\08C\00e\16\04Qf3\99\03\99\C9/ \17\C2(\F3 \0Be\04\B2Q\E6CN\F2\AFP\00\B9(\0B!\0Fe\11\93Q\88$\8F </w:t>
            </w:r>
            <w:r w:rsidRPr="00910B4C">
              <w:lastRenderedPageBreak/>
              <w:t>+\E7\A3,\81\02\94\A5L\96AQ\F2/P\0EQ\94\15L\0E\82b\94\83\A1$\F9g\A8\84R\94UP\8Er\08\93\D5P\81\F2\1C\94\7F\82\A10\08e\0D\0CF\19\83*\94\C3P\1E\86\E10\04e-T\A3\AC\83sP\D6\A3\FC#\8C\80\1A\94#!\86r\14\93\A3aX\F2\0F0\06\86\A3l\80Z\94c\A1\0E\E58\A8O\1E\82sa\04\CA\F10\12\E5\04&amp;\CF\83Q\C9\DF\C3\F90\06\E5D&amp;'A\03\CA\C906\F99L\81q(/`\B2\11\C6\A3l\82\09(\A7\C2y\C9\CF\E0;LN\83\F3QN\87\89(/\84I\C9Oa\06LF\D9\0CSP\B6\C0\05(g\A2\FC\04fA#\CA\D90\15\E5\1C\F8\0E\CA\B9(?\86y0\0D\E5|\98\8E\F2""&amp;/\86\19\C9\8F\E0\12hF\D9\0A-(\170y)\CCL~\08\0Ba\16\CA6\98\8Dr\11\CCA\B9\18\E6&amp;\0F\C2\12\98\87r)\93\CB`&gt;\CA\E5p\11\CA\EF\C2%\C9\0F\E02&amp;/\87V\94W\C0\02\94\DF\83K\93\EF\C3\95L\AE\806\94\DF\87E(W\A2|\0F\DAa1\CA\AB`\09\CA\1F\C0R\94W\C3\B2\E4\01\B8\06\96\A3\\\05\DFEy-\\\86r5\CA\FDp\1D\\\8E\F2z\F8\1E\CA\0E&amp;\D7\C0\95\C9w\E1\06X\81\F2F\F8&gt;\CA\9B\98\\\0B\ED\C9\DF\C1:\B8\0A\E5\CD\F0\03\94\B70y+\\\8D\F26\B8&amp;\F9\0E\DC\0E\ABP\DE\01\D7\A2\BC\13V\E3^w\C1u\98{7\93\F7\C0\F5(\7F\08kP\DE\0B7`\99\1F1y\1F\DC\88r=\DC\84r\03\CA\B7\E1~X\87\F2\C7p3\CA\07\E0\16\94?A\F9\16&lt;\08\B7\A2|\08nC\F9S\B8\03\E5\C3(\DF\84\9F\C1\9D(\7F\0Ew\A1\DC\08wc\FA#L\FE\02~\88)\FF\03\F7\A2\DC\C4d\1C~\84r3\DC\97\DC\07\9D\B0\1E\E5\16\D8\80r+\DC\8Fr\1B\FC8\F9\06l\87\07P&gt;\CAd\02~\82r\07&lt;\94|\1Dv2\F9\18\FC\14\E5\E3\F00\CA\FF\85\9F%\7F\0B\BFd\F2\09\D8\88r\17&lt;\82\F2I\F8E\F25x\8A\C9_\C1\FF\A0|\1A\E2(\9FA\F9*\FC\1A6\A3\FC\0DlA\F9,lE\F9\1C\93\CF\C3\B6\E4+\B0\1B\B6\A3|\01\1EE\F9""$P\BE\04;\92/\C3\1E\D8\89r/\93/\C3c(_\81\C7\93{\E1U\F8%\CA\D7\98\C4Z\A0|\1Dv%\F7\C0\1B\F0$\CA}L\BE\09\BFB\F9</w:t>
            </w:r>
          </w:p>
        </w:tc>
      </w:tr>
    </w:tbl>
    <w:p w14:paraId="195AAB42" w14:textId="77777777" w:rsidR="00630F7E" w:rsidRDefault="00630F7E"/>
    <w:sectPr w:rsidR="00630F7E">
      <w:pgSz w:w="11906" w:h="16838"/>
      <w:pgMar w:top="1440" w:right="1800" w:bottom="1440" w:left="1800" w:header="851" w:footer="992" w:gutter="0"/>
      <w:cols w:space="425"/>
      <w:docGrid w:type="lines" w:linePitch="312"/>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等线">
    <w:altName w:val="DengXian"/>
    <w:panose1 w:val="02010600030101010101"/>
    <w:charset w:val="86"/>
    <w:family w:val="auto"/>
    <w:pitch w:val="variable"/>
    <w:sig w:usb0="A00002BF" w:usb1="38CF7CFA" w:usb2="00000016" w:usb3="00000000" w:csb0="0004000F" w:csb1="00000000"/>
  </w:font>
  <w:font w:name="Times New Roman">
    <w:panose1 w:val="02020603050405020304"/>
    <w:charset w:val="00"/>
    <w:family w:val="roman"/>
    <w:pitch w:val="variable"/>
    <w:sig w:usb0="E0002EFF" w:usb1="C000785B" w:usb2="00000009" w:usb3="00000000" w:csb0="000001FF" w:csb1="00000000"/>
  </w:font>
  <w:font w:name="等线 Light">
    <w:panose1 w:val="02010600030101010101"/>
    <w:charset w:val="86"/>
    <w:family w:val="auto"/>
    <w:pitch w:val="variable"/>
    <w:sig w:usb0="A00002BF" w:usb1="38CF7CFA" w:usb2="00000016" w:usb3="00000000" w:csb0="0004000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83B14"/>
    <w:rsid w:val="003C7655"/>
    <w:rsid w:val="00630F7E"/>
    <w:rsid w:val="00683B14"/>
    <w:rsid w:val="00693539"/>
    <w:rsid w:val="00926184"/>
    <w:rsid w:val="009F1CC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54CA1BE"/>
  <w15:chartTrackingRefBased/>
  <w15:docId w15:val="{EE00E894-40B3-478F-B76D-E56A925B1F1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jc w:val="both"/>
    </w:pPr>
  </w:style>
  <w:style w:type="paragraph" w:styleId="1">
    <w:name w:val="heading 1"/>
    <w:basedOn w:val="a"/>
    <w:next w:val="a"/>
    <w:link w:val="10"/>
    <w:uiPriority w:val="9"/>
    <w:qFormat/>
    <w:rsid w:val="00693539"/>
    <w:pPr>
      <w:keepNext/>
      <w:keepLines/>
      <w:widowControl/>
      <w:spacing w:before="480" w:line="276" w:lineRule="auto"/>
      <w:jc w:val="left"/>
      <w:outlineLvl w:val="0"/>
    </w:pPr>
    <w:rPr>
      <w:rFonts w:asciiTheme="majorHAnsi" w:eastAsiaTheme="majorEastAsia" w:hAnsiTheme="majorHAnsi" w:cstheme="majorBidi"/>
      <w:b/>
      <w:bCs/>
      <w:sz w:val="28"/>
      <w:szCs w:val="28"/>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customStyle="1" w:styleId="10">
    <w:name w:val="标题 1 字符"/>
    <w:basedOn w:val="a0"/>
    <w:link w:val="1"/>
    <w:uiPriority w:val="9"/>
    <w:rsid w:val="00693539"/>
    <w:rPr>
      <w:rFonts w:asciiTheme="majorHAnsi" w:eastAsiaTheme="majorEastAsia" w:hAnsiTheme="majorHAnsi" w:cstheme="majorBidi"/>
      <w:b/>
      <w:bCs/>
      <w:sz w:val="28"/>
      <w:szCs w:val="28"/>
    </w:rPr>
  </w:style>
  <w:style w:type="table" w:styleId="a3">
    <w:name w:val="Table Grid"/>
    <w:basedOn w:val="a1"/>
    <w:uiPriority w:val="39"/>
    <w:rsid w:val="0092618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5" Type="http://schemas.openxmlformats.org/officeDocument/2006/relationships/theme" Target="theme/theme1.xml"/><Relationship Id="rId4" Type="http://schemas.openxmlformats.org/officeDocument/2006/relationships/fontTable" Target="fontTable.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4</TotalTime>
  <Pages>138</Pages>
  <Words>33630</Words>
  <Characters>191693</Characters>
  <Application>Microsoft Office Word</Application>
  <DocSecurity>0</DocSecurity>
  <Lines>1597</Lines>
  <Paragraphs>449</Paragraphs>
  <ScaleCrop>false</ScaleCrop>
  <Company/>
  <LinksUpToDate>false</LinksUpToDate>
  <CharactersWithSpaces>2248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志鹏 邢</dc:creator>
  <cp:keywords/>
  <dc:description/>
  <cp:lastModifiedBy>志鹏 邢</cp:lastModifiedBy>
  <cp:revision>2</cp:revision>
  <dcterms:created xsi:type="dcterms:W3CDTF">2022-07-15T15:23:00Z</dcterms:created>
  <dcterms:modified xsi:type="dcterms:W3CDTF">2022-07-15T15:37:00Z</dcterms:modified>
</cp:coreProperties>
</file>